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</p:sldMasterIdLst>
  <p:notesMasterIdLst>
    <p:notesMasterId r:id="rId28"/>
  </p:notesMasterIdLst>
  <p:sldIdLst>
    <p:sldId id="256" r:id="rId9"/>
    <p:sldId id="257" r:id="rId10"/>
    <p:sldId id="258" r:id="rId11"/>
    <p:sldId id="260" r:id="rId12"/>
    <p:sldId id="261" r:id="rId13"/>
    <p:sldId id="264" r:id="rId14"/>
    <p:sldId id="259" r:id="rId15"/>
    <p:sldId id="266" r:id="rId16"/>
    <p:sldId id="267" r:id="rId17"/>
    <p:sldId id="282" r:id="rId18"/>
    <p:sldId id="268" r:id="rId19"/>
    <p:sldId id="270" r:id="rId20"/>
    <p:sldId id="271" r:id="rId21"/>
    <p:sldId id="276" r:id="rId22"/>
    <p:sldId id="288" r:id="rId23"/>
    <p:sldId id="287" r:id="rId24"/>
    <p:sldId id="285" r:id="rId25"/>
    <p:sldId id="284" r:id="rId26"/>
    <p:sldId id="286" r:id="rId27"/>
  </p:sldIdLst>
  <p:sldSz cx="12192000" cy="6858000"/>
  <p:notesSz cx="6858000" cy="9144000"/>
  <p:custDataLst>
    <p:tags r:id="rId29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1BC18D6-7440-4DC2-9C70-06D2589EE4B6}" v="4" dt="2025-08-13T13:12:43.338"/>
    <p1510:client id="{D1C25E96-1C8E-42F0-8F7A-6B5B469A96DA}" v="92" dt="2025-08-13T12:58:13.76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4660"/>
  </p:normalViewPr>
  <p:slideViewPr>
    <p:cSldViewPr snapToGrid="0">
      <p:cViewPr varScale="1">
        <p:scale>
          <a:sx n="57" d="100"/>
          <a:sy n="57" d="100"/>
        </p:scale>
        <p:origin x="6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>
      <p:cViewPr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slide" Target="slides/slide18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34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notesMaster" Target="notesMasters/notesMaster1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slide" Target="slides/slide19.xml"/><Relationship Id="rId30" Type="http://schemas.openxmlformats.org/officeDocument/2006/relationships/presProps" Target="presProps.xml"/><Relationship Id="rId8" Type="http://schemas.openxmlformats.org/officeDocument/2006/relationships/slideMaster" Target="slideMasters/slideMaster1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svg"/><Relationship Id="rId1" Type="http://schemas.openxmlformats.org/officeDocument/2006/relationships/image" Target="../media/image18.png"/><Relationship Id="rId6" Type="http://schemas.openxmlformats.org/officeDocument/2006/relationships/image" Target="../media/image23.svg"/><Relationship Id="rId5" Type="http://schemas.openxmlformats.org/officeDocument/2006/relationships/image" Target="../media/image22.png"/><Relationship Id="rId4" Type="http://schemas.openxmlformats.org/officeDocument/2006/relationships/image" Target="../media/image21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svg"/><Relationship Id="rId1" Type="http://schemas.openxmlformats.org/officeDocument/2006/relationships/image" Target="../media/image18.png"/><Relationship Id="rId6" Type="http://schemas.openxmlformats.org/officeDocument/2006/relationships/image" Target="../media/image23.svg"/><Relationship Id="rId5" Type="http://schemas.openxmlformats.org/officeDocument/2006/relationships/image" Target="../media/image22.png"/><Relationship Id="rId4" Type="http://schemas.openxmlformats.org/officeDocument/2006/relationships/image" Target="../media/image21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18/5/colors/Iconchunking_coloredtext_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bg1"/>
    </dgm:fillClrLst>
    <dgm:linClrLst meth="repeat">
      <a:schemeClr val="lt1">
        <a:alpha val="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accent2">
        <a:alpha val="0"/>
      </a:schemeClr>
    </dgm:fillClrLst>
    <dgm:linClrLst meth="repeat">
      <a:schemeClr val="accent2">
        <a:alpha val="0"/>
      </a:schemeClr>
    </dgm:linClrLst>
    <dgm:effectClrLst/>
    <dgm:txLinClrLst/>
    <dgm:txFillClrLst meth="repeat">
      <a:schemeClr val="accent2"/>
      <a:schemeClr val="accent3"/>
      <a:schemeClr val="accent4"/>
      <a:schemeClr val="accent5"/>
      <a:schemeClr val="accent6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285C550-31A1-4363-A4D8-FC5279997C04}" type="doc">
      <dgm:prSet loTypeId="urn:microsoft.com/office/officeart/2018/2/layout/IconCircleList" loCatId="icon" qsTypeId="urn:microsoft.com/office/officeart/2005/8/quickstyle/simple1" qsCatId="simple" csTypeId="urn:microsoft.com/office/officeart/2018/5/colors/Iconchunking_coloredtext_colorful1" csCatId="colorful" phldr="1"/>
      <dgm:spPr/>
      <dgm:t>
        <a:bodyPr/>
        <a:lstStyle/>
        <a:p>
          <a:endParaRPr lang="en-US"/>
        </a:p>
      </dgm:t>
    </dgm:pt>
    <dgm:pt modelId="{E430D476-940C-4202-9690-4469CB44191C}">
      <dgm:prSet/>
      <dgm:spPr/>
      <dgm:t>
        <a:bodyPr/>
        <a:lstStyle/>
        <a:p>
          <a:pPr>
            <a:lnSpc>
              <a:spcPct val="100000"/>
            </a:lnSpc>
          </a:pPr>
          <a:r>
            <a:rPr lang="en-US"/>
            <a:t>• Deltagende observation</a:t>
          </a:r>
        </a:p>
      </dgm:t>
    </dgm:pt>
    <dgm:pt modelId="{52DE9973-A387-4B38-B559-6AD45B9878DE}" type="parTrans" cxnId="{760B3073-8384-4878-A7F9-E49DBCD238CD}">
      <dgm:prSet/>
      <dgm:spPr/>
      <dgm:t>
        <a:bodyPr/>
        <a:lstStyle/>
        <a:p>
          <a:endParaRPr lang="en-US"/>
        </a:p>
      </dgm:t>
    </dgm:pt>
    <dgm:pt modelId="{D3A4B93C-5565-4815-9B2A-EE0CB30F3B86}" type="sibTrans" cxnId="{760B3073-8384-4878-A7F9-E49DBCD238CD}">
      <dgm:prSet/>
      <dgm:spPr/>
      <dgm:t>
        <a:bodyPr/>
        <a:lstStyle/>
        <a:p>
          <a:pPr>
            <a:lnSpc>
              <a:spcPct val="100000"/>
            </a:lnSpc>
          </a:pPr>
          <a:endParaRPr lang="en-US"/>
        </a:p>
      </dgm:t>
    </dgm:pt>
    <dgm:pt modelId="{3270F07D-8000-4ED1-8501-AF91335A42D5}">
      <dgm:prSet/>
      <dgm:spPr/>
      <dgm:t>
        <a:bodyPr/>
        <a:lstStyle/>
        <a:p>
          <a:pPr>
            <a:lnSpc>
              <a:spcPct val="100000"/>
            </a:lnSpc>
          </a:pPr>
          <a:r>
            <a:rPr lang="en-US" dirty="0"/>
            <a:t>• Ikke-</a:t>
          </a:r>
          <a:r>
            <a:rPr lang="en-US" dirty="0" err="1"/>
            <a:t>deltagende</a:t>
          </a:r>
          <a:r>
            <a:rPr lang="en-US" dirty="0"/>
            <a:t> observation</a:t>
          </a:r>
        </a:p>
      </dgm:t>
    </dgm:pt>
    <dgm:pt modelId="{43D85996-EE56-4D3F-997D-FA3706D2417A}" type="parTrans" cxnId="{6CC5C16A-C994-4159-A568-63FD078E7504}">
      <dgm:prSet/>
      <dgm:spPr/>
      <dgm:t>
        <a:bodyPr/>
        <a:lstStyle/>
        <a:p>
          <a:endParaRPr lang="en-US"/>
        </a:p>
      </dgm:t>
    </dgm:pt>
    <dgm:pt modelId="{FF983D86-94A0-4EA7-8E11-68B6CB171C59}" type="sibTrans" cxnId="{6CC5C16A-C994-4159-A568-63FD078E7504}">
      <dgm:prSet/>
      <dgm:spPr/>
      <dgm:t>
        <a:bodyPr/>
        <a:lstStyle/>
        <a:p>
          <a:pPr>
            <a:lnSpc>
              <a:spcPct val="100000"/>
            </a:lnSpc>
          </a:pPr>
          <a:endParaRPr lang="en-US"/>
        </a:p>
      </dgm:t>
    </dgm:pt>
    <dgm:pt modelId="{CF76AB1D-1A45-49E7-BAB9-945B576C2A0B}">
      <dgm:prSet/>
      <dgm:spPr/>
      <dgm:t>
        <a:bodyPr/>
        <a:lstStyle/>
        <a:p>
          <a:pPr>
            <a:lnSpc>
              <a:spcPct val="100000"/>
            </a:lnSpc>
          </a:pPr>
          <a:r>
            <a:rPr lang="en-US"/>
            <a:t>• Struktureret vs. ustruktureret</a:t>
          </a:r>
        </a:p>
      </dgm:t>
    </dgm:pt>
    <dgm:pt modelId="{AB43B2B9-76D8-43B2-B682-D039BFCFB321}" type="parTrans" cxnId="{20D3496B-96E6-47B1-8CDA-2B797C4E39C3}">
      <dgm:prSet/>
      <dgm:spPr/>
      <dgm:t>
        <a:bodyPr/>
        <a:lstStyle/>
        <a:p>
          <a:endParaRPr lang="en-US"/>
        </a:p>
      </dgm:t>
    </dgm:pt>
    <dgm:pt modelId="{9CBBC946-6813-49D4-81D3-A5AF49DB2A89}" type="sibTrans" cxnId="{20D3496B-96E6-47B1-8CDA-2B797C4E39C3}">
      <dgm:prSet/>
      <dgm:spPr/>
      <dgm:t>
        <a:bodyPr/>
        <a:lstStyle/>
        <a:p>
          <a:endParaRPr lang="en-US"/>
        </a:p>
      </dgm:t>
    </dgm:pt>
    <dgm:pt modelId="{A919750B-FA9C-42CA-AA77-273C7D7025AC}" type="pres">
      <dgm:prSet presAssocID="{2285C550-31A1-4363-A4D8-FC5279997C04}" presName="root" presStyleCnt="0">
        <dgm:presLayoutVars>
          <dgm:dir/>
          <dgm:resizeHandles val="exact"/>
        </dgm:presLayoutVars>
      </dgm:prSet>
      <dgm:spPr/>
    </dgm:pt>
    <dgm:pt modelId="{B71C3CD6-BA3F-4E59-B666-B83BF4A7305E}" type="pres">
      <dgm:prSet presAssocID="{2285C550-31A1-4363-A4D8-FC5279997C04}" presName="container" presStyleCnt="0">
        <dgm:presLayoutVars>
          <dgm:dir/>
          <dgm:resizeHandles val="exact"/>
        </dgm:presLayoutVars>
      </dgm:prSet>
      <dgm:spPr/>
    </dgm:pt>
    <dgm:pt modelId="{2E9269D4-9A2C-48EB-AE93-B2C9808C8831}" type="pres">
      <dgm:prSet presAssocID="{E430D476-940C-4202-9690-4469CB44191C}" presName="compNode" presStyleCnt="0"/>
      <dgm:spPr/>
    </dgm:pt>
    <dgm:pt modelId="{449F174E-3C1B-4D35-8489-6C34646EDE95}" type="pres">
      <dgm:prSet presAssocID="{E430D476-940C-4202-9690-4469CB44191C}" presName="iconBgRect" presStyleLbl="bgShp" presStyleIdx="0" presStyleCnt="3"/>
      <dgm:spPr/>
    </dgm:pt>
    <dgm:pt modelId="{A69A5C49-F48D-4E1D-8B0E-4594F91FF5C6}" type="pres">
      <dgm:prSet presAssocID="{E430D476-940C-4202-9690-4469CB44191C}" presName="iconRect" presStyleLbl="node1" presStyleIdx="0" presStyleCnt="3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Øjne"/>
        </a:ext>
      </dgm:extLst>
    </dgm:pt>
    <dgm:pt modelId="{4DE1AC15-DD34-4280-AA2C-4EB70C6A704C}" type="pres">
      <dgm:prSet presAssocID="{E430D476-940C-4202-9690-4469CB44191C}" presName="spaceRect" presStyleCnt="0"/>
      <dgm:spPr/>
    </dgm:pt>
    <dgm:pt modelId="{289B4321-FAC2-4C49-97FE-EBDFD650D03B}" type="pres">
      <dgm:prSet presAssocID="{E430D476-940C-4202-9690-4469CB44191C}" presName="textRect" presStyleLbl="revTx" presStyleIdx="0" presStyleCnt="3">
        <dgm:presLayoutVars>
          <dgm:chMax val="1"/>
          <dgm:chPref val="1"/>
        </dgm:presLayoutVars>
      </dgm:prSet>
      <dgm:spPr/>
    </dgm:pt>
    <dgm:pt modelId="{310C988C-C789-408B-9A59-0298AA49BA58}" type="pres">
      <dgm:prSet presAssocID="{D3A4B93C-5565-4815-9B2A-EE0CB30F3B86}" presName="sibTrans" presStyleLbl="sibTrans2D1" presStyleIdx="0" presStyleCnt="0"/>
      <dgm:spPr/>
    </dgm:pt>
    <dgm:pt modelId="{0FCC6A65-0166-48B7-A2F9-DD718A248B4E}" type="pres">
      <dgm:prSet presAssocID="{3270F07D-8000-4ED1-8501-AF91335A42D5}" presName="compNode" presStyleCnt="0"/>
      <dgm:spPr/>
    </dgm:pt>
    <dgm:pt modelId="{FCDEB6A8-4181-4F15-990E-65A54FBC2720}" type="pres">
      <dgm:prSet presAssocID="{3270F07D-8000-4ED1-8501-AF91335A42D5}" presName="iconBgRect" presStyleLbl="bgShp" presStyleIdx="1" presStyleCnt="3"/>
      <dgm:spPr/>
    </dgm:pt>
    <dgm:pt modelId="{439A87AA-AC17-4B22-AEEE-DA9291A3DA2B}" type="pres">
      <dgm:prSet presAssocID="{3270F07D-8000-4ED1-8501-AF91335A42D5}" presName="iconRect" presStyleLbl="node1" presStyleIdx="1" presStyleCnt="3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Blind"/>
        </a:ext>
      </dgm:extLst>
    </dgm:pt>
    <dgm:pt modelId="{3DC1E2FD-9552-4237-95F4-ED826BFAD144}" type="pres">
      <dgm:prSet presAssocID="{3270F07D-8000-4ED1-8501-AF91335A42D5}" presName="spaceRect" presStyleCnt="0"/>
      <dgm:spPr/>
    </dgm:pt>
    <dgm:pt modelId="{E37EE46A-2CFC-4192-8B59-23495C5AC7E1}" type="pres">
      <dgm:prSet presAssocID="{3270F07D-8000-4ED1-8501-AF91335A42D5}" presName="textRect" presStyleLbl="revTx" presStyleIdx="1" presStyleCnt="3">
        <dgm:presLayoutVars>
          <dgm:chMax val="1"/>
          <dgm:chPref val="1"/>
        </dgm:presLayoutVars>
      </dgm:prSet>
      <dgm:spPr/>
    </dgm:pt>
    <dgm:pt modelId="{6771A77F-855F-40E8-B638-A9F2BC16AB34}" type="pres">
      <dgm:prSet presAssocID="{FF983D86-94A0-4EA7-8E11-68B6CB171C59}" presName="sibTrans" presStyleLbl="sibTrans2D1" presStyleIdx="0" presStyleCnt="0"/>
      <dgm:spPr/>
    </dgm:pt>
    <dgm:pt modelId="{1CF77C21-F43B-4E5C-88EC-A0E8A292F0E7}" type="pres">
      <dgm:prSet presAssocID="{CF76AB1D-1A45-49E7-BAB9-945B576C2A0B}" presName="compNode" presStyleCnt="0"/>
      <dgm:spPr/>
    </dgm:pt>
    <dgm:pt modelId="{F0943EA2-124E-4D09-808D-8E7C6512CC8F}" type="pres">
      <dgm:prSet presAssocID="{CF76AB1D-1A45-49E7-BAB9-945B576C2A0B}" presName="iconBgRect" presStyleLbl="bgShp" presStyleIdx="2" presStyleCnt="3"/>
      <dgm:spPr/>
    </dgm:pt>
    <dgm:pt modelId="{887582E4-A839-478A-82B2-AFF4D0B63C30}" type="pres">
      <dgm:prSet presAssocID="{CF76AB1D-1A45-49E7-BAB9-945B576C2A0B}" presName="iconRect" presStyleLbl="node1" presStyleIdx="2" presStyleCnt="3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Dokument"/>
        </a:ext>
      </dgm:extLst>
    </dgm:pt>
    <dgm:pt modelId="{CBD1832C-2FF2-41BD-955E-39A4F1C87437}" type="pres">
      <dgm:prSet presAssocID="{CF76AB1D-1A45-49E7-BAB9-945B576C2A0B}" presName="spaceRect" presStyleCnt="0"/>
      <dgm:spPr/>
    </dgm:pt>
    <dgm:pt modelId="{1B58E816-7FB3-48DA-8255-2C65E50BC1EB}" type="pres">
      <dgm:prSet presAssocID="{CF76AB1D-1A45-49E7-BAB9-945B576C2A0B}" presName="textRect" presStyleLbl="revTx" presStyleIdx="2" presStyleCnt="3">
        <dgm:presLayoutVars>
          <dgm:chMax val="1"/>
          <dgm:chPref val="1"/>
        </dgm:presLayoutVars>
      </dgm:prSet>
      <dgm:spPr/>
    </dgm:pt>
  </dgm:ptLst>
  <dgm:cxnLst>
    <dgm:cxn modelId="{8663AF0F-62E1-4A11-B7F2-931A5C96602B}" type="presOf" srcId="{2285C550-31A1-4363-A4D8-FC5279997C04}" destId="{A919750B-FA9C-42CA-AA77-273C7D7025AC}" srcOrd="0" destOrd="0" presId="urn:microsoft.com/office/officeart/2018/2/layout/IconCircleList"/>
    <dgm:cxn modelId="{40D71561-16AB-4B49-91D0-713C485E8C99}" type="presOf" srcId="{CF76AB1D-1A45-49E7-BAB9-945B576C2A0B}" destId="{1B58E816-7FB3-48DA-8255-2C65E50BC1EB}" srcOrd="0" destOrd="0" presId="urn:microsoft.com/office/officeart/2018/2/layout/IconCircleList"/>
    <dgm:cxn modelId="{6CC5C16A-C994-4159-A568-63FD078E7504}" srcId="{2285C550-31A1-4363-A4D8-FC5279997C04}" destId="{3270F07D-8000-4ED1-8501-AF91335A42D5}" srcOrd="1" destOrd="0" parTransId="{43D85996-EE56-4D3F-997D-FA3706D2417A}" sibTransId="{FF983D86-94A0-4EA7-8E11-68B6CB171C59}"/>
    <dgm:cxn modelId="{20D3496B-96E6-47B1-8CDA-2B797C4E39C3}" srcId="{2285C550-31A1-4363-A4D8-FC5279997C04}" destId="{CF76AB1D-1A45-49E7-BAB9-945B576C2A0B}" srcOrd="2" destOrd="0" parTransId="{AB43B2B9-76D8-43B2-B682-D039BFCFB321}" sibTransId="{9CBBC946-6813-49D4-81D3-A5AF49DB2A89}"/>
    <dgm:cxn modelId="{D3A9AA4B-D239-430E-A050-DF3C4C05164D}" type="presOf" srcId="{D3A4B93C-5565-4815-9B2A-EE0CB30F3B86}" destId="{310C988C-C789-408B-9A59-0298AA49BA58}" srcOrd="0" destOrd="0" presId="urn:microsoft.com/office/officeart/2018/2/layout/IconCircleList"/>
    <dgm:cxn modelId="{760B3073-8384-4878-A7F9-E49DBCD238CD}" srcId="{2285C550-31A1-4363-A4D8-FC5279997C04}" destId="{E430D476-940C-4202-9690-4469CB44191C}" srcOrd="0" destOrd="0" parTransId="{52DE9973-A387-4B38-B559-6AD45B9878DE}" sibTransId="{D3A4B93C-5565-4815-9B2A-EE0CB30F3B86}"/>
    <dgm:cxn modelId="{8C93D88C-2412-446C-8B46-1261F1AAFF88}" type="presOf" srcId="{E430D476-940C-4202-9690-4469CB44191C}" destId="{289B4321-FAC2-4C49-97FE-EBDFD650D03B}" srcOrd="0" destOrd="0" presId="urn:microsoft.com/office/officeart/2018/2/layout/IconCircleList"/>
    <dgm:cxn modelId="{47034CF1-B8A8-4FF7-B669-B77CFEC8E2B8}" type="presOf" srcId="{FF983D86-94A0-4EA7-8E11-68B6CB171C59}" destId="{6771A77F-855F-40E8-B638-A9F2BC16AB34}" srcOrd="0" destOrd="0" presId="urn:microsoft.com/office/officeart/2018/2/layout/IconCircleList"/>
    <dgm:cxn modelId="{CF5EE5FD-FDC6-4DDC-A6A7-F4DE3BD1724D}" type="presOf" srcId="{3270F07D-8000-4ED1-8501-AF91335A42D5}" destId="{E37EE46A-2CFC-4192-8B59-23495C5AC7E1}" srcOrd="0" destOrd="0" presId="urn:microsoft.com/office/officeart/2018/2/layout/IconCircleList"/>
    <dgm:cxn modelId="{587D28DE-C9DE-4CFA-B2C9-30F4B87F2D26}" type="presParOf" srcId="{A919750B-FA9C-42CA-AA77-273C7D7025AC}" destId="{B71C3CD6-BA3F-4E59-B666-B83BF4A7305E}" srcOrd="0" destOrd="0" presId="urn:microsoft.com/office/officeart/2018/2/layout/IconCircleList"/>
    <dgm:cxn modelId="{97B56A76-F6A5-4B1B-BA01-2F275A71E7F5}" type="presParOf" srcId="{B71C3CD6-BA3F-4E59-B666-B83BF4A7305E}" destId="{2E9269D4-9A2C-48EB-AE93-B2C9808C8831}" srcOrd="0" destOrd="0" presId="urn:microsoft.com/office/officeart/2018/2/layout/IconCircleList"/>
    <dgm:cxn modelId="{33F0DC83-BDA8-4C26-A7D7-506EA7868C77}" type="presParOf" srcId="{2E9269D4-9A2C-48EB-AE93-B2C9808C8831}" destId="{449F174E-3C1B-4D35-8489-6C34646EDE95}" srcOrd="0" destOrd="0" presId="urn:microsoft.com/office/officeart/2018/2/layout/IconCircleList"/>
    <dgm:cxn modelId="{7190327D-9969-42FA-B1AD-7F400698DFFA}" type="presParOf" srcId="{2E9269D4-9A2C-48EB-AE93-B2C9808C8831}" destId="{A69A5C49-F48D-4E1D-8B0E-4594F91FF5C6}" srcOrd="1" destOrd="0" presId="urn:microsoft.com/office/officeart/2018/2/layout/IconCircleList"/>
    <dgm:cxn modelId="{A00884A9-7321-4FDF-A006-9314284224F0}" type="presParOf" srcId="{2E9269D4-9A2C-48EB-AE93-B2C9808C8831}" destId="{4DE1AC15-DD34-4280-AA2C-4EB70C6A704C}" srcOrd="2" destOrd="0" presId="urn:microsoft.com/office/officeart/2018/2/layout/IconCircleList"/>
    <dgm:cxn modelId="{ADFA605E-C480-4BD9-86C8-807DCB588654}" type="presParOf" srcId="{2E9269D4-9A2C-48EB-AE93-B2C9808C8831}" destId="{289B4321-FAC2-4C49-97FE-EBDFD650D03B}" srcOrd="3" destOrd="0" presId="urn:microsoft.com/office/officeart/2018/2/layout/IconCircleList"/>
    <dgm:cxn modelId="{C1A2D1E0-581E-481D-A4BC-1F30CCDB8C43}" type="presParOf" srcId="{B71C3CD6-BA3F-4E59-B666-B83BF4A7305E}" destId="{310C988C-C789-408B-9A59-0298AA49BA58}" srcOrd="1" destOrd="0" presId="urn:microsoft.com/office/officeart/2018/2/layout/IconCircleList"/>
    <dgm:cxn modelId="{D97511D3-5ECF-47D1-B09E-32969AEB1F55}" type="presParOf" srcId="{B71C3CD6-BA3F-4E59-B666-B83BF4A7305E}" destId="{0FCC6A65-0166-48B7-A2F9-DD718A248B4E}" srcOrd="2" destOrd="0" presId="urn:microsoft.com/office/officeart/2018/2/layout/IconCircleList"/>
    <dgm:cxn modelId="{1C5236AC-EBF5-45C5-9B6B-8B635B0D9BF9}" type="presParOf" srcId="{0FCC6A65-0166-48B7-A2F9-DD718A248B4E}" destId="{FCDEB6A8-4181-4F15-990E-65A54FBC2720}" srcOrd="0" destOrd="0" presId="urn:microsoft.com/office/officeart/2018/2/layout/IconCircleList"/>
    <dgm:cxn modelId="{5970D105-8CF9-4118-9E3D-614379185E1B}" type="presParOf" srcId="{0FCC6A65-0166-48B7-A2F9-DD718A248B4E}" destId="{439A87AA-AC17-4B22-AEEE-DA9291A3DA2B}" srcOrd="1" destOrd="0" presId="urn:microsoft.com/office/officeart/2018/2/layout/IconCircleList"/>
    <dgm:cxn modelId="{7557ED41-E8D3-4CDE-A7F1-A636946FA57D}" type="presParOf" srcId="{0FCC6A65-0166-48B7-A2F9-DD718A248B4E}" destId="{3DC1E2FD-9552-4237-95F4-ED826BFAD144}" srcOrd="2" destOrd="0" presId="urn:microsoft.com/office/officeart/2018/2/layout/IconCircleList"/>
    <dgm:cxn modelId="{91EAD9B1-AE6C-4695-982C-680F711FD368}" type="presParOf" srcId="{0FCC6A65-0166-48B7-A2F9-DD718A248B4E}" destId="{E37EE46A-2CFC-4192-8B59-23495C5AC7E1}" srcOrd="3" destOrd="0" presId="urn:microsoft.com/office/officeart/2018/2/layout/IconCircleList"/>
    <dgm:cxn modelId="{05F12D75-85CE-4F69-8A79-0F6393AAAE41}" type="presParOf" srcId="{B71C3CD6-BA3F-4E59-B666-B83BF4A7305E}" destId="{6771A77F-855F-40E8-B638-A9F2BC16AB34}" srcOrd="3" destOrd="0" presId="urn:microsoft.com/office/officeart/2018/2/layout/IconCircleList"/>
    <dgm:cxn modelId="{74DE144C-4F91-4B9D-B75D-6F40A82859FE}" type="presParOf" srcId="{B71C3CD6-BA3F-4E59-B666-B83BF4A7305E}" destId="{1CF77C21-F43B-4E5C-88EC-A0E8A292F0E7}" srcOrd="4" destOrd="0" presId="urn:microsoft.com/office/officeart/2018/2/layout/IconCircleList"/>
    <dgm:cxn modelId="{5FC75C64-A138-43B6-9C3B-FDC79F5B8FBE}" type="presParOf" srcId="{1CF77C21-F43B-4E5C-88EC-A0E8A292F0E7}" destId="{F0943EA2-124E-4D09-808D-8E7C6512CC8F}" srcOrd="0" destOrd="0" presId="urn:microsoft.com/office/officeart/2018/2/layout/IconCircleList"/>
    <dgm:cxn modelId="{0AD3190B-3BCC-4FCB-BAD0-FF1F437558A4}" type="presParOf" srcId="{1CF77C21-F43B-4E5C-88EC-A0E8A292F0E7}" destId="{887582E4-A839-478A-82B2-AFF4D0B63C30}" srcOrd="1" destOrd="0" presId="urn:microsoft.com/office/officeart/2018/2/layout/IconCircleList"/>
    <dgm:cxn modelId="{DF0DB1D4-45CB-47D4-B83B-38BC61F40BDA}" type="presParOf" srcId="{1CF77C21-F43B-4E5C-88EC-A0E8A292F0E7}" destId="{CBD1832C-2FF2-41BD-955E-39A4F1C87437}" srcOrd="2" destOrd="0" presId="urn:microsoft.com/office/officeart/2018/2/layout/IconCircleList"/>
    <dgm:cxn modelId="{26F718CB-726A-45D8-9793-8660749D7716}" type="presParOf" srcId="{1CF77C21-F43B-4E5C-88EC-A0E8A292F0E7}" destId="{1B58E816-7FB3-48DA-8255-2C65E50BC1EB}" srcOrd="3" destOrd="0" presId="urn:microsoft.com/office/officeart/2018/2/layout/IconCircleList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86A10656-9D8F-4128-8EC8-26D57AE789B4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2101DA07-2D81-429C-8DA1-C18D95857650}">
      <dgm:prSet/>
      <dgm:spPr/>
      <dgm:t>
        <a:bodyPr/>
        <a:lstStyle/>
        <a:p>
          <a:r>
            <a:rPr lang="da-DK"/>
            <a:t>I skal nu ud i breakout rooms frem til 14.35</a:t>
          </a:r>
          <a:endParaRPr lang="en-US"/>
        </a:p>
      </dgm:t>
    </dgm:pt>
    <dgm:pt modelId="{47B8BCBC-318A-4961-A10F-AC748C660FAB}" type="parTrans" cxnId="{EB4FA3F2-1805-4BF9-9C6D-340D4D8B69F4}">
      <dgm:prSet/>
      <dgm:spPr/>
      <dgm:t>
        <a:bodyPr/>
        <a:lstStyle/>
        <a:p>
          <a:endParaRPr lang="en-US"/>
        </a:p>
      </dgm:t>
    </dgm:pt>
    <dgm:pt modelId="{7B311C57-7331-4F9E-ACBD-2C07C34FDBAC}" type="sibTrans" cxnId="{EB4FA3F2-1805-4BF9-9C6D-340D4D8B69F4}">
      <dgm:prSet/>
      <dgm:spPr/>
      <dgm:t>
        <a:bodyPr/>
        <a:lstStyle/>
        <a:p>
          <a:endParaRPr lang="en-US"/>
        </a:p>
      </dgm:t>
    </dgm:pt>
    <dgm:pt modelId="{3875ACFF-28EE-48E9-B9E7-ED0130B7613B}">
      <dgm:prSet/>
      <dgm:spPr/>
      <dgm:t>
        <a:bodyPr/>
        <a:lstStyle/>
        <a:p>
          <a:r>
            <a:rPr lang="da-DK" dirty="0"/>
            <a:t>Her skal I arbejde med at formulere hvordan I erfaringsindsamler og dokumenter.</a:t>
          </a:r>
          <a:endParaRPr lang="en-US" dirty="0"/>
        </a:p>
      </dgm:t>
    </dgm:pt>
    <dgm:pt modelId="{AF367CCA-D681-4984-B3CD-8D713B11A5D0}" type="parTrans" cxnId="{2C1C89CF-28B1-4A56-B33D-E56D50C6F1BD}">
      <dgm:prSet/>
      <dgm:spPr/>
      <dgm:t>
        <a:bodyPr/>
        <a:lstStyle/>
        <a:p>
          <a:endParaRPr lang="en-US"/>
        </a:p>
      </dgm:t>
    </dgm:pt>
    <dgm:pt modelId="{C4FFF06C-53B7-4572-9B2D-202026F2F752}" type="sibTrans" cxnId="{2C1C89CF-28B1-4A56-B33D-E56D50C6F1BD}">
      <dgm:prSet/>
      <dgm:spPr/>
      <dgm:t>
        <a:bodyPr/>
        <a:lstStyle/>
        <a:p>
          <a:endParaRPr lang="en-US"/>
        </a:p>
      </dgm:t>
    </dgm:pt>
    <dgm:pt modelId="{6DB16D74-9A23-424F-9F2D-FB17633A6AEA}">
      <dgm:prSet/>
      <dgm:spPr/>
      <dgm:t>
        <a:bodyPr/>
        <a:lstStyle/>
        <a:p>
          <a:r>
            <a:rPr lang="da-DK"/>
            <a:t>Brug arbejdsarkets side 3.</a:t>
          </a:r>
          <a:endParaRPr lang="en-US"/>
        </a:p>
      </dgm:t>
    </dgm:pt>
    <dgm:pt modelId="{0812AB17-DE3D-4B20-8116-9BE44C376BD8}" type="parTrans" cxnId="{C9CA5D90-964F-4211-B0AF-F6D74ADAB25C}">
      <dgm:prSet/>
      <dgm:spPr/>
      <dgm:t>
        <a:bodyPr/>
        <a:lstStyle/>
        <a:p>
          <a:endParaRPr lang="en-US"/>
        </a:p>
      </dgm:t>
    </dgm:pt>
    <dgm:pt modelId="{10776BFE-4D23-4B1D-97EA-923BD863D528}" type="sibTrans" cxnId="{C9CA5D90-964F-4211-B0AF-F6D74ADAB25C}">
      <dgm:prSet/>
      <dgm:spPr/>
      <dgm:t>
        <a:bodyPr/>
        <a:lstStyle/>
        <a:p>
          <a:endParaRPr lang="en-US"/>
        </a:p>
      </dgm:t>
    </dgm:pt>
    <dgm:pt modelId="{5F5B6E3B-49BD-4594-ADD5-E045DF5C6A86}">
      <dgm:prSet/>
      <dgm:spPr/>
      <dgm:t>
        <a:bodyPr/>
        <a:lstStyle/>
        <a:p>
          <a:r>
            <a:rPr lang="da-DK"/>
            <a:t>Følg proceduren t.h.</a:t>
          </a:r>
          <a:endParaRPr lang="en-US"/>
        </a:p>
      </dgm:t>
    </dgm:pt>
    <dgm:pt modelId="{A8B522BC-B89D-4094-A611-8622D42C7D40}" type="parTrans" cxnId="{8DD44EC0-BE4D-4C7B-BE4F-0A3C072B5BA6}">
      <dgm:prSet/>
      <dgm:spPr/>
      <dgm:t>
        <a:bodyPr/>
        <a:lstStyle/>
        <a:p>
          <a:endParaRPr lang="en-US"/>
        </a:p>
      </dgm:t>
    </dgm:pt>
    <dgm:pt modelId="{9968A95C-51B2-4A2C-A705-DFFF5F6D1DAB}" type="sibTrans" cxnId="{8DD44EC0-BE4D-4C7B-BE4F-0A3C072B5BA6}">
      <dgm:prSet/>
      <dgm:spPr/>
      <dgm:t>
        <a:bodyPr/>
        <a:lstStyle/>
        <a:p>
          <a:endParaRPr lang="en-US"/>
        </a:p>
      </dgm:t>
    </dgm:pt>
    <dgm:pt modelId="{EF18D165-7C6D-4BE1-B8ED-AAEC8D79CFFD}">
      <dgm:prSet/>
      <dgm:spPr/>
      <dgm:t>
        <a:bodyPr/>
        <a:lstStyle/>
        <a:p>
          <a:r>
            <a:rPr lang="da-DK"/>
            <a:t>Vi henter jer tilbage igen.</a:t>
          </a:r>
          <a:endParaRPr lang="en-US"/>
        </a:p>
      </dgm:t>
    </dgm:pt>
    <dgm:pt modelId="{61C94B8E-A2C4-4E1F-9807-50BA4A09B29E}" type="parTrans" cxnId="{72721DD9-EA5F-4C31-9535-2663648A0B1A}">
      <dgm:prSet/>
      <dgm:spPr/>
      <dgm:t>
        <a:bodyPr/>
        <a:lstStyle/>
        <a:p>
          <a:endParaRPr lang="en-US"/>
        </a:p>
      </dgm:t>
    </dgm:pt>
    <dgm:pt modelId="{065C4D7B-0696-4FAA-99C7-3A414D55BD98}" type="sibTrans" cxnId="{72721DD9-EA5F-4C31-9535-2663648A0B1A}">
      <dgm:prSet/>
      <dgm:spPr/>
      <dgm:t>
        <a:bodyPr/>
        <a:lstStyle/>
        <a:p>
          <a:endParaRPr lang="en-US"/>
        </a:p>
      </dgm:t>
    </dgm:pt>
    <dgm:pt modelId="{725D690A-1C67-44EA-9ECB-93E2954485E2}" type="pres">
      <dgm:prSet presAssocID="{86A10656-9D8F-4128-8EC8-26D57AE789B4}" presName="linear" presStyleCnt="0">
        <dgm:presLayoutVars>
          <dgm:animLvl val="lvl"/>
          <dgm:resizeHandles val="exact"/>
        </dgm:presLayoutVars>
      </dgm:prSet>
      <dgm:spPr/>
    </dgm:pt>
    <dgm:pt modelId="{B33904D3-6057-4CBB-94F4-F9B07C0B879C}" type="pres">
      <dgm:prSet presAssocID="{2101DA07-2D81-429C-8DA1-C18D95857650}" presName="parentText" presStyleLbl="node1" presStyleIdx="0" presStyleCnt="5">
        <dgm:presLayoutVars>
          <dgm:chMax val="0"/>
          <dgm:bulletEnabled val="1"/>
        </dgm:presLayoutVars>
      </dgm:prSet>
      <dgm:spPr/>
    </dgm:pt>
    <dgm:pt modelId="{05B13721-D828-42B2-95CF-7C204153A816}" type="pres">
      <dgm:prSet presAssocID="{7B311C57-7331-4F9E-ACBD-2C07C34FDBAC}" presName="spacer" presStyleCnt="0"/>
      <dgm:spPr/>
    </dgm:pt>
    <dgm:pt modelId="{F18C1B41-6DBE-45F8-A025-CFD36460C467}" type="pres">
      <dgm:prSet presAssocID="{3875ACFF-28EE-48E9-B9E7-ED0130B7613B}" presName="parentText" presStyleLbl="node1" presStyleIdx="1" presStyleCnt="5">
        <dgm:presLayoutVars>
          <dgm:chMax val="0"/>
          <dgm:bulletEnabled val="1"/>
        </dgm:presLayoutVars>
      </dgm:prSet>
      <dgm:spPr/>
    </dgm:pt>
    <dgm:pt modelId="{36978042-F152-4D1B-9A36-3C9447276FEC}" type="pres">
      <dgm:prSet presAssocID="{C4FFF06C-53B7-4572-9B2D-202026F2F752}" presName="spacer" presStyleCnt="0"/>
      <dgm:spPr/>
    </dgm:pt>
    <dgm:pt modelId="{08CA0767-E1DD-46FA-B2F2-9BC8034333CF}" type="pres">
      <dgm:prSet presAssocID="{6DB16D74-9A23-424F-9F2D-FB17633A6AEA}" presName="parentText" presStyleLbl="node1" presStyleIdx="2" presStyleCnt="5">
        <dgm:presLayoutVars>
          <dgm:chMax val="0"/>
          <dgm:bulletEnabled val="1"/>
        </dgm:presLayoutVars>
      </dgm:prSet>
      <dgm:spPr/>
    </dgm:pt>
    <dgm:pt modelId="{BD1AAC3B-E0C6-426D-AEFC-087348D750A0}" type="pres">
      <dgm:prSet presAssocID="{10776BFE-4D23-4B1D-97EA-923BD863D528}" presName="spacer" presStyleCnt="0"/>
      <dgm:spPr/>
    </dgm:pt>
    <dgm:pt modelId="{6D18D4A2-72E0-44D1-9518-BD5817B62829}" type="pres">
      <dgm:prSet presAssocID="{5F5B6E3B-49BD-4594-ADD5-E045DF5C6A86}" presName="parentText" presStyleLbl="node1" presStyleIdx="3" presStyleCnt="5">
        <dgm:presLayoutVars>
          <dgm:chMax val="0"/>
          <dgm:bulletEnabled val="1"/>
        </dgm:presLayoutVars>
      </dgm:prSet>
      <dgm:spPr/>
    </dgm:pt>
    <dgm:pt modelId="{98939292-563C-43F1-BDC0-179A483E3C2C}" type="pres">
      <dgm:prSet presAssocID="{9968A95C-51B2-4A2C-A705-DFFF5F6D1DAB}" presName="spacer" presStyleCnt="0"/>
      <dgm:spPr/>
    </dgm:pt>
    <dgm:pt modelId="{68112339-B0B8-4A57-99F3-2AB53FFFFE7E}" type="pres">
      <dgm:prSet presAssocID="{EF18D165-7C6D-4BE1-B8ED-AAEC8D79CFFD}" presName="parentText" presStyleLbl="node1" presStyleIdx="4" presStyleCnt="5">
        <dgm:presLayoutVars>
          <dgm:chMax val="0"/>
          <dgm:bulletEnabled val="1"/>
        </dgm:presLayoutVars>
      </dgm:prSet>
      <dgm:spPr/>
    </dgm:pt>
  </dgm:ptLst>
  <dgm:cxnLst>
    <dgm:cxn modelId="{349C110A-795F-4E6F-B786-6923D3E7DF01}" type="presOf" srcId="{2101DA07-2D81-429C-8DA1-C18D95857650}" destId="{B33904D3-6057-4CBB-94F4-F9B07C0B879C}" srcOrd="0" destOrd="0" presId="urn:microsoft.com/office/officeart/2005/8/layout/vList2"/>
    <dgm:cxn modelId="{6A8EC685-C8F5-40AC-B6FE-C478FB7B8D1F}" type="presOf" srcId="{86A10656-9D8F-4128-8EC8-26D57AE789B4}" destId="{725D690A-1C67-44EA-9ECB-93E2954485E2}" srcOrd="0" destOrd="0" presId="urn:microsoft.com/office/officeart/2005/8/layout/vList2"/>
    <dgm:cxn modelId="{C9CA5D90-964F-4211-B0AF-F6D74ADAB25C}" srcId="{86A10656-9D8F-4128-8EC8-26D57AE789B4}" destId="{6DB16D74-9A23-424F-9F2D-FB17633A6AEA}" srcOrd="2" destOrd="0" parTransId="{0812AB17-DE3D-4B20-8116-9BE44C376BD8}" sibTransId="{10776BFE-4D23-4B1D-97EA-923BD863D528}"/>
    <dgm:cxn modelId="{1CCD0DA8-45D3-40F7-9375-DA6054AFCFE6}" type="presOf" srcId="{3875ACFF-28EE-48E9-B9E7-ED0130B7613B}" destId="{F18C1B41-6DBE-45F8-A025-CFD36460C467}" srcOrd="0" destOrd="0" presId="urn:microsoft.com/office/officeart/2005/8/layout/vList2"/>
    <dgm:cxn modelId="{13B008AF-2F44-48B6-AB30-1DA5A12A716D}" type="presOf" srcId="{6DB16D74-9A23-424F-9F2D-FB17633A6AEA}" destId="{08CA0767-E1DD-46FA-B2F2-9BC8034333CF}" srcOrd="0" destOrd="0" presId="urn:microsoft.com/office/officeart/2005/8/layout/vList2"/>
    <dgm:cxn modelId="{8DD44EC0-BE4D-4C7B-BE4F-0A3C072B5BA6}" srcId="{86A10656-9D8F-4128-8EC8-26D57AE789B4}" destId="{5F5B6E3B-49BD-4594-ADD5-E045DF5C6A86}" srcOrd="3" destOrd="0" parTransId="{A8B522BC-B89D-4094-A611-8622D42C7D40}" sibTransId="{9968A95C-51B2-4A2C-A705-DFFF5F6D1DAB}"/>
    <dgm:cxn modelId="{2C1C89CF-28B1-4A56-B33D-E56D50C6F1BD}" srcId="{86A10656-9D8F-4128-8EC8-26D57AE789B4}" destId="{3875ACFF-28EE-48E9-B9E7-ED0130B7613B}" srcOrd="1" destOrd="0" parTransId="{AF367CCA-D681-4984-B3CD-8D713B11A5D0}" sibTransId="{C4FFF06C-53B7-4572-9B2D-202026F2F752}"/>
    <dgm:cxn modelId="{72721DD9-EA5F-4C31-9535-2663648A0B1A}" srcId="{86A10656-9D8F-4128-8EC8-26D57AE789B4}" destId="{EF18D165-7C6D-4BE1-B8ED-AAEC8D79CFFD}" srcOrd="4" destOrd="0" parTransId="{61C94B8E-A2C4-4E1F-9807-50BA4A09B29E}" sibTransId="{065C4D7B-0696-4FAA-99C7-3A414D55BD98}"/>
    <dgm:cxn modelId="{B06D4FE7-DF62-4ADB-AF27-E15591F617F8}" type="presOf" srcId="{5F5B6E3B-49BD-4594-ADD5-E045DF5C6A86}" destId="{6D18D4A2-72E0-44D1-9518-BD5817B62829}" srcOrd="0" destOrd="0" presId="urn:microsoft.com/office/officeart/2005/8/layout/vList2"/>
    <dgm:cxn modelId="{EB4FA3F2-1805-4BF9-9C6D-340D4D8B69F4}" srcId="{86A10656-9D8F-4128-8EC8-26D57AE789B4}" destId="{2101DA07-2D81-429C-8DA1-C18D95857650}" srcOrd="0" destOrd="0" parTransId="{47B8BCBC-318A-4961-A10F-AC748C660FAB}" sibTransId="{7B311C57-7331-4F9E-ACBD-2C07C34FDBAC}"/>
    <dgm:cxn modelId="{EA8888FC-51C8-4F1D-8E8A-79116CEE72D6}" type="presOf" srcId="{EF18D165-7C6D-4BE1-B8ED-AAEC8D79CFFD}" destId="{68112339-B0B8-4A57-99F3-2AB53FFFFE7E}" srcOrd="0" destOrd="0" presId="urn:microsoft.com/office/officeart/2005/8/layout/vList2"/>
    <dgm:cxn modelId="{420AFAE0-1160-4658-A8F9-320C9CACB48F}" type="presParOf" srcId="{725D690A-1C67-44EA-9ECB-93E2954485E2}" destId="{B33904D3-6057-4CBB-94F4-F9B07C0B879C}" srcOrd="0" destOrd="0" presId="urn:microsoft.com/office/officeart/2005/8/layout/vList2"/>
    <dgm:cxn modelId="{53C0ACE4-A509-4C53-9A0C-0DAB495FCAB7}" type="presParOf" srcId="{725D690A-1C67-44EA-9ECB-93E2954485E2}" destId="{05B13721-D828-42B2-95CF-7C204153A816}" srcOrd="1" destOrd="0" presId="urn:microsoft.com/office/officeart/2005/8/layout/vList2"/>
    <dgm:cxn modelId="{63737792-7359-435B-9F90-1373D2BF4E96}" type="presParOf" srcId="{725D690A-1C67-44EA-9ECB-93E2954485E2}" destId="{F18C1B41-6DBE-45F8-A025-CFD36460C467}" srcOrd="2" destOrd="0" presId="urn:microsoft.com/office/officeart/2005/8/layout/vList2"/>
    <dgm:cxn modelId="{EC68164A-F0B5-4A29-AF3E-6A33E30CF8A6}" type="presParOf" srcId="{725D690A-1C67-44EA-9ECB-93E2954485E2}" destId="{36978042-F152-4D1B-9A36-3C9447276FEC}" srcOrd="3" destOrd="0" presId="urn:microsoft.com/office/officeart/2005/8/layout/vList2"/>
    <dgm:cxn modelId="{C42469FB-85F6-477C-A995-D7F43ADE4A34}" type="presParOf" srcId="{725D690A-1C67-44EA-9ECB-93E2954485E2}" destId="{08CA0767-E1DD-46FA-B2F2-9BC8034333CF}" srcOrd="4" destOrd="0" presId="urn:microsoft.com/office/officeart/2005/8/layout/vList2"/>
    <dgm:cxn modelId="{EC352455-4E5D-4EE8-BFF1-3A5F3451360F}" type="presParOf" srcId="{725D690A-1C67-44EA-9ECB-93E2954485E2}" destId="{BD1AAC3B-E0C6-426D-AEFC-087348D750A0}" srcOrd="5" destOrd="0" presId="urn:microsoft.com/office/officeart/2005/8/layout/vList2"/>
    <dgm:cxn modelId="{EF6A6C86-7E05-4781-9891-0A03F651CFDA}" type="presParOf" srcId="{725D690A-1C67-44EA-9ECB-93E2954485E2}" destId="{6D18D4A2-72E0-44D1-9518-BD5817B62829}" srcOrd="6" destOrd="0" presId="urn:microsoft.com/office/officeart/2005/8/layout/vList2"/>
    <dgm:cxn modelId="{2E5FF2DC-98F8-48AE-89B7-FA96CCF7660E}" type="presParOf" srcId="{725D690A-1C67-44EA-9ECB-93E2954485E2}" destId="{98939292-563C-43F1-BDC0-179A483E3C2C}" srcOrd="7" destOrd="0" presId="urn:microsoft.com/office/officeart/2005/8/layout/vList2"/>
    <dgm:cxn modelId="{DF489673-4C79-42DD-888A-EE3CFD439D77}" type="presParOf" srcId="{725D690A-1C67-44EA-9ECB-93E2954485E2}" destId="{68112339-B0B8-4A57-99F3-2AB53FFFFE7E}" srcOrd="8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45722BF6-F8A8-4EF2-8591-B4F1E07F8A6E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68D0472E-9A4B-4ABD-B4DD-1E30597A57E3}">
      <dgm:prSet/>
      <dgm:spPr/>
      <dgm:t>
        <a:bodyPr/>
        <a:lstStyle/>
        <a:p>
          <a:r>
            <a:rPr lang="da-DK" b="1" dirty="0"/>
            <a:t>Lokal evaluering for KUI-vejledere og fagprofessionelle (LÆS). </a:t>
          </a:r>
          <a:endParaRPr lang="en-US" dirty="0"/>
        </a:p>
      </dgm:t>
    </dgm:pt>
    <dgm:pt modelId="{41718615-DEF7-4A11-ABFD-D978CD7F4AD6}" type="parTrans" cxnId="{B745F6C6-0D0B-4868-BC88-4731581097B7}">
      <dgm:prSet/>
      <dgm:spPr/>
      <dgm:t>
        <a:bodyPr/>
        <a:lstStyle/>
        <a:p>
          <a:endParaRPr lang="en-US"/>
        </a:p>
      </dgm:t>
    </dgm:pt>
    <dgm:pt modelId="{AEB368CA-2A55-49CD-82B3-8DD1E0C15646}" type="sibTrans" cxnId="{B745F6C6-0D0B-4868-BC88-4731581097B7}">
      <dgm:prSet/>
      <dgm:spPr/>
      <dgm:t>
        <a:bodyPr/>
        <a:lstStyle/>
        <a:p>
          <a:endParaRPr lang="en-US"/>
        </a:p>
      </dgm:t>
    </dgm:pt>
    <dgm:pt modelId="{7288DB54-AF19-471F-8758-8A1C269AB8F8}">
      <dgm:prSet/>
      <dgm:spPr/>
      <dgm:t>
        <a:bodyPr/>
        <a:lstStyle/>
        <a:p>
          <a:r>
            <a:rPr lang="da-DK" b="1" dirty="0"/>
            <a:t>Den 24. november </a:t>
          </a:r>
        </a:p>
        <a:p>
          <a:r>
            <a:rPr lang="da-DK" b="1" dirty="0"/>
            <a:t>kl. 9.30 – 15.30 i Aalborg. </a:t>
          </a:r>
          <a:endParaRPr lang="en-US" dirty="0"/>
        </a:p>
      </dgm:t>
    </dgm:pt>
    <dgm:pt modelId="{02669959-E83D-459C-8BF5-2BBC48FC10C8}" type="parTrans" cxnId="{3690714A-0A01-4A9E-AC98-39BFAA951B59}">
      <dgm:prSet/>
      <dgm:spPr/>
      <dgm:t>
        <a:bodyPr/>
        <a:lstStyle/>
        <a:p>
          <a:endParaRPr lang="en-US"/>
        </a:p>
      </dgm:t>
    </dgm:pt>
    <dgm:pt modelId="{10D2A816-EA09-48F7-85C0-2F4F12F031F7}" type="sibTrans" cxnId="{3690714A-0A01-4A9E-AC98-39BFAA951B59}">
      <dgm:prSet/>
      <dgm:spPr/>
      <dgm:t>
        <a:bodyPr/>
        <a:lstStyle/>
        <a:p>
          <a:endParaRPr lang="en-US"/>
        </a:p>
      </dgm:t>
    </dgm:pt>
    <dgm:pt modelId="{ADBA404B-2707-4AE9-B563-90AA7C7D8359}">
      <dgm:prSet/>
      <dgm:spPr/>
      <dgm:t>
        <a:bodyPr/>
        <a:lstStyle/>
        <a:p>
          <a:r>
            <a:rPr lang="da-DK" b="1" dirty="0"/>
            <a:t>Den 25. november</a:t>
          </a:r>
        </a:p>
        <a:p>
          <a:r>
            <a:rPr lang="da-DK" b="1" dirty="0"/>
            <a:t> kl. 9 – 15 på Frederiksberg</a:t>
          </a:r>
          <a:endParaRPr lang="en-US" dirty="0"/>
        </a:p>
      </dgm:t>
    </dgm:pt>
    <dgm:pt modelId="{DF1575E5-C7CC-4B29-A0EC-9E111A7C80B8}" type="parTrans" cxnId="{EEE10989-3696-4379-8FA1-44F5700E252F}">
      <dgm:prSet/>
      <dgm:spPr/>
      <dgm:t>
        <a:bodyPr/>
        <a:lstStyle/>
        <a:p>
          <a:endParaRPr lang="en-US"/>
        </a:p>
      </dgm:t>
    </dgm:pt>
    <dgm:pt modelId="{7587768C-54DB-486B-8643-AA58681EC4EC}" type="sibTrans" cxnId="{EEE10989-3696-4379-8FA1-44F5700E252F}">
      <dgm:prSet/>
      <dgm:spPr/>
      <dgm:t>
        <a:bodyPr/>
        <a:lstStyle/>
        <a:p>
          <a:endParaRPr lang="en-US"/>
        </a:p>
      </dgm:t>
    </dgm:pt>
    <dgm:pt modelId="{90A359E2-EA53-4814-A1F0-DA354012F49A}" type="pres">
      <dgm:prSet presAssocID="{45722BF6-F8A8-4EF2-8591-B4F1E07F8A6E}" presName="linear" presStyleCnt="0">
        <dgm:presLayoutVars>
          <dgm:animLvl val="lvl"/>
          <dgm:resizeHandles val="exact"/>
        </dgm:presLayoutVars>
      </dgm:prSet>
      <dgm:spPr/>
    </dgm:pt>
    <dgm:pt modelId="{C914F7A9-7C00-43C8-9278-87098FBA9BF1}" type="pres">
      <dgm:prSet presAssocID="{68D0472E-9A4B-4ABD-B4DD-1E30597A57E3}" presName="parentText" presStyleLbl="node1" presStyleIdx="0" presStyleCnt="3">
        <dgm:presLayoutVars>
          <dgm:chMax val="0"/>
          <dgm:bulletEnabled val="1"/>
        </dgm:presLayoutVars>
      </dgm:prSet>
      <dgm:spPr/>
    </dgm:pt>
    <dgm:pt modelId="{E5E110DB-388C-47FE-AEBC-C118795779E6}" type="pres">
      <dgm:prSet presAssocID="{AEB368CA-2A55-49CD-82B3-8DD1E0C15646}" presName="spacer" presStyleCnt="0"/>
      <dgm:spPr/>
    </dgm:pt>
    <dgm:pt modelId="{C445F149-5612-4B67-BCCD-57331CDBAFA6}" type="pres">
      <dgm:prSet presAssocID="{7288DB54-AF19-471F-8758-8A1C269AB8F8}" presName="parentText" presStyleLbl="node1" presStyleIdx="1" presStyleCnt="3">
        <dgm:presLayoutVars>
          <dgm:chMax val="0"/>
          <dgm:bulletEnabled val="1"/>
        </dgm:presLayoutVars>
      </dgm:prSet>
      <dgm:spPr/>
    </dgm:pt>
    <dgm:pt modelId="{375DC47E-E88A-4AB0-917A-245C3CEFC838}" type="pres">
      <dgm:prSet presAssocID="{10D2A816-EA09-48F7-85C0-2F4F12F031F7}" presName="spacer" presStyleCnt="0"/>
      <dgm:spPr/>
    </dgm:pt>
    <dgm:pt modelId="{46EEF489-D52B-42E4-9779-28DEC097CD2D}" type="pres">
      <dgm:prSet presAssocID="{ADBA404B-2707-4AE9-B563-90AA7C7D8359}" presName="parentText" presStyleLbl="node1" presStyleIdx="2" presStyleCnt="3">
        <dgm:presLayoutVars>
          <dgm:chMax val="0"/>
          <dgm:bulletEnabled val="1"/>
        </dgm:presLayoutVars>
      </dgm:prSet>
      <dgm:spPr/>
    </dgm:pt>
  </dgm:ptLst>
  <dgm:cxnLst>
    <dgm:cxn modelId="{47225739-C3AA-4EBC-BCF8-335E2D41E176}" type="presOf" srcId="{7288DB54-AF19-471F-8758-8A1C269AB8F8}" destId="{C445F149-5612-4B67-BCCD-57331CDBAFA6}" srcOrd="0" destOrd="0" presId="urn:microsoft.com/office/officeart/2005/8/layout/vList2"/>
    <dgm:cxn modelId="{3690714A-0A01-4A9E-AC98-39BFAA951B59}" srcId="{45722BF6-F8A8-4EF2-8591-B4F1E07F8A6E}" destId="{7288DB54-AF19-471F-8758-8A1C269AB8F8}" srcOrd="1" destOrd="0" parTransId="{02669959-E83D-459C-8BF5-2BBC48FC10C8}" sibTransId="{10D2A816-EA09-48F7-85C0-2F4F12F031F7}"/>
    <dgm:cxn modelId="{9DC59551-7698-443D-BD4F-098DFAA15962}" type="presOf" srcId="{ADBA404B-2707-4AE9-B563-90AA7C7D8359}" destId="{46EEF489-D52B-42E4-9779-28DEC097CD2D}" srcOrd="0" destOrd="0" presId="urn:microsoft.com/office/officeart/2005/8/layout/vList2"/>
    <dgm:cxn modelId="{EEE10989-3696-4379-8FA1-44F5700E252F}" srcId="{45722BF6-F8A8-4EF2-8591-B4F1E07F8A6E}" destId="{ADBA404B-2707-4AE9-B563-90AA7C7D8359}" srcOrd="2" destOrd="0" parTransId="{DF1575E5-C7CC-4B29-A0EC-9E111A7C80B8}" sibTransId="{7587768C-54DB-486B-8643-AA58681EC4EC}"/>
    <dgm:cxn modelId="{1DB0D1A0-D056-48AA-BDCB-0EFBB060F478}" type="presOf" srcId="{45722BF6-F8A8-4EF2-8591-B4F1E07F8A6E}" destId="{90A359E2-EA53-4814-A1F0-DA354012F49A}" srcOrd="0" destOrd="0" presId="urn:microsoft.com/office/officeart/2005/8/layout/vList2"/>
    <dgm:cxn modelId="{B745F6C6-0D0B-4868-BC88-4731581097B7}" srcId="{45722BF6-F8A8-4EF2-8591-B4F1E07F8A6E}" destId="{68D0472E-9A4B-4ABD-B4DD-1E30597A57E3}" srcOrd="0" destOrd="0" parTransId="{41718615-DEF7-4A11-ABFD-D978CD7F4AD6}" sibTransId="{AEB368CA-2A55-49CD-82B3-8DD1E0C15646}"/>
    <dgm:cxn modelId="{5A4BD5F1-9BC4-4AED-BAE5-DE47FBBB6EAC}" type="presOf" srcId="{68D0472E-9A4B-4ABD-B4DD-1E30597A57E3}" destId="{C914F7A9-7C00-43C8-9278-87098FBA9BF1}" srcOrd="0" destOrd="0" presId="urn:microsoft.com/office/officeart/2005/8/layout/vList2"/>
    <dgm:cxn modelId="{FEC1E41A-4891-4F99-89C2-ACC5455EB759}" type="presParOf" srcId="{90A359E2-EA53-4814-A1F0-DA354012F49A}" destId="{C914F7A9-7C00-43C8-9278-87098FBA9BF1}" srcOrd="0" destOrd="0" presId="urn:microsoft.com/office/officeart/2005/8/layout/vList2"/>
    <dgm:cxn modelId="{B2D2669B-8564-4B97-A84F-6C8123FD8E77}" type="presParOf" srcId="{90A359E2-EA53-4814-A1F0-DA354012F49A}" destId="{E5E110DB-388C-47FE-AEBC-C118795779E6}" srcOrd="1" destOrd="0" presId="urn:microsoft.com/office/officeart/2005/8/layout/vList2"/>
    <dgm:cxn modelId="{6D2E71F0-8DD7-4C99-8DF0-EB7514B7B7F9}" type="presParOf" srcId="{90A359E2-EA53-4814-A1F0-DA354012F49A}" destId="{C445F149-5612-4B67-BCCD-57331CDBAFA6}" srcOrd="2" destOrd="0" presId="urn:microsoft.com/office/officeart/2005/8/layout/vList2"/>
    <dgm:cxn modelId="{C145E63E-0867-4587-B85A-3B940BFC3E52}" type="presParOf" srcId="{90A359E2-EA53-4814-A1F0-DA354012F49A}" destId="{375DC47E-E88A-4AB0-917A-245C3CEFC838}" srcOrd="3" destOrd="0" presId="urn:microsoft.com/office/officeart/2005/8/layout/vList2"/>
    <dgm:cxn modelId="{E18F54B5-1417-4242-9F64-45E301AA982E}" type="presParOf" srcId="{90A359E2-EA53-4814-A1F0-DA354012F49A}" destId="{46EEF489-D52B-42E4-9779-28DEC097CD2D}" srcOrd="4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49F174E-3C1B-4D35-8489-6C34646EDE95}">
      <dsp:nvSpPr>
        <dsp:cNvPr id="0" name=""/>
        <dsp:cNvSpPr/>
      </dsp:nvSpPr>
      <dsp:spPr>
        <a:xfrm>
          <a:off x="939739" y="618635"/>
          <a:ext cx="751625" cy="751625"/>
        </a:xfrm>
        <a:prstGeom prst="ellipse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A69A5C49-F48D-4E1D-8B0E-4594F91FF5C6}">
      <dsp:nvSpPr>
        <dsp:cNvPr id="0" name=""/>
        <dsp:cNvSpPr/>
      </dsp:nvSpPr>
      <dsp:spPr>
        <a:xfrm>
          <a:off x="1097581" y="776477"/>
          <a:ext cx="435942" cy="435942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9050" cap="flat" cmpd="sng" algn="ctr">
          <a:solidFill>
            <a:schemeClr val="lt1">
              <a:alpha val="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89B4321-FAC2-4C49-97FE-EBDFD650D03B}">
      <dsp:nvSpPr>
        <dsp:cNvPr id="0" name=""/>
        <dsp:cNvSpPr/>
      </dsp:nvSpPr>
      <dsp:spPr>
        <a:xfrm>
          <a:off x="1852427" y="618635"/>
          <a:ext cx="1771688" cy="75162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8001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/>
            <a:t>• Deltagende observation</a:t>
          </a:r>
        </a:p>
      </dsp:txBody>
      <dsp:txXfrm>
        <a:off x="1852427" y="618635"/>
        <a:ext cx="1771688" cy="751625"/>
      </dsp:txXfrm>
    </dsp:sp>
    <dsp:sp modelId="{FCDEB6A8-4181-4F15-990E-65A54FBC2720}">
      <dsp:nvSpPr>
        <dsp:cNvPr id="0" name=""/>
        <dsp:cNvSpPr/>
      </dsp:nvSpPr>
      <dsp:spPr>
        <a:xfrm>
          <a:off x="3932819" y="618635"/>
          <a:ext cx="751625" cy="751625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439A87AA-AC17-4B22-AEEE-DA9291A3DA2B}">
      <dsp:nvSpPr>
        <dsp:cNvPr id="0" name=""/>
        <dsp:cNvSpPr/>
      </dsp:nvSpPr>
      <dsp:spPr>
        <a:xfrm>
          <a:off x="4090660" y="776477"/>
          <a:ext cx="435942" cy="435942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9050" cap="flat" cmpd="sng" algn="ctr">
          <a:solidFill>
            <a:schemeClr val="lt1">
              <a:alpha val="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E37EE46A-2CFC-4192-8B59-23495C5AC7E1}">
      <dsp:nvSpPr>
        <dsp:cNvPr id="0" name=""/>
        <dsp:cNvSpPr/>
      </dsp:nvSpPr>
      <dsp:spPr>
        <a:xfrm>
          <a:off x="4845506" y="618635"/>
          <a:ext cx="1771688" cy="75162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8001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• Ikke-</a:t>
          </a:r>
          <a:r>
            <a:rPr lang="en-US" sz="1800" kern="1200" dirty="0" err="1"/>
            <a:t>deltagende</a:t>
          </a:r>
          <a:r>
            <a:rPr lang="en-US" sz="1800" kern="1200" dirty="0"/>
            <a:t> observation</a:t>
          </a:r>
        </a:p>
      </dsp:txBody>
      <dsp:txXfrm>
        <a:off x="4845506" y="618635"/>
        <a:ext cx="1771688" cy="751625"/>
      </dsp:txXfrm>
    </dsp:sp>
    <dsp:sp modelId="{F0943EA2-124E-4D09-808D-8E7C6512CC8F}">
      <dsp:nvSpPr>
        <dsp:cNvPr id="0" name=""/>
        <dsp:cNvSpPr/>
      </dsp:nvSpPr>
      <dsp:spPr>
        <a:xfrm>
          <a:off x="6925898" y="618635"/>
          <a:ext cx="751625" cy="751625"/>
        </a:xfrm>
        <a:prstGeom prst="ellipse">
          <a:avLst/>
        </a:prstGeom>
        <a:solidFill>
          <a:schemeClr val="accent4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87582E4-A839-478A-82B2-AFF4D0B63C30}">
      <dsp:nvSpPr>
        <dsp:cNvPr id="0" name=""/>
        <dsp:cNvSpPr/>
      </dsp:nvSpPr>
      <dsp:spPr>
        <a:xfrm>
          <a:off x="7083739" y="776477"/>
          <a:ext cx="435942" cy="435942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9050" cap="flat" cmpd="sng" algn="ctr">
          <a:solidFill>
            <a:schemeClr val="lt1">
              <a:alpha val="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B58E816-7FB3-48DA-8255-2C65E50BC1EB}">
      <dsp:nvSpPr>
        <dsp:cNvPr id="0" name=""/>
        <dsp:cNvSpPr/>
      </dsp:nvSpPr>
      <dsp:spPr>
        <a:xfrm>
          <a:off x="7838585" y="618635"/>
          <a:ext cx="1771688" cy="75162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8001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/>
            <a:t>• Struktureret vs. ustruktureret</a:t>
          </a:r>
        </a:p>
      </dsp:txBody>
      <dsp:txXfrm>
        <a:off x="7838585" y="618635"/>
        <a:ext cx="1771688" cy="751625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33904D3-6057-4CBB-94F4-F9B07C0B879C}">
      <dsp:nvSpPr>
        <dsp:cNvPr id="0" name=""/>
        <dsp:cNvSpPr/>
      </dsp:nvSpPr>
      <dsp:spPr>
        <a:xfrm>
          <a:off x="0" y="486458"/>
          <a:ext cx="4070555" cy="63882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/>
            <a:t>I skal nu ud i breakout rooms frem til 14.35</a:t>
          </a:r>
          <a:endParaRPr lang="en-US" sz="1600" kern="1200"/>
        </a:p>
      </dsp:txBody>
      <dsp:txXfrm>
        <a:off x="31185" y="517643"/>
        <a:ext cx="4008185" cy="576450"/>
      </dsp:txXfrm>
    </dsp:sp>
    <dsp:sp modelId="{F18C1B41-6DBE-45F8-A025-CFD36460C467}">
      <dsp:nvSpPr>
        <dsp:cNvPr id="0" name=""/>
        <dsp:cNvSpPr/>
      </dsp:nvSpPr>
      <dsp:spPr>
        <a:xfrm>
          <a:off x="0" y="1171358"/>
          <a:ext cx="4070555" cy="63882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Her skal I arbejde med at formulere hvordan I erfaringsindsamler og dokumenter.</a:t>
          </a:r>
          <a:endParaRPr lang="en-US" sz="1600" kern="1200" dirty="0"/>
        </a:p>
      </dsp:txBody>
      <dsp:txXfrm>
        <a:off x="31185" y="1202543"/>
        <a:ext cx="4008185" cy="576450"/>
      </dsp:txXfrm>
    </dsp:sp>
    <dsp:sp modelId="{08CA0767-E1DD-46FA-B2F2-9BC8034333CF}">
      <dsp:nvSpPr>
        <dsp:cNvPr id="0" name=""/>
        <dsp:cNvSpPr/>
      </dsp:nvSpPr>
      <dsp:spPr>
        <a:xfrm>
          <a:off x="0" y="1856259"/>
          <a:ext cx="4070555" cy="63882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/>
            <a:t>Brug arbejdsarkets side 3.</a:t>
          </a:r>
          <a:endParaRPr lang="en-US" sz="1600" kern="1200"/>
        </a:p>
      </dsp:txBody>
      <dsp:txXfrm>
        <a:off x="31185" y="1887444"/>
        <a:ext cx="4008185" cy="576450"/>
      </dsp:txXfrm>
    </dsp:sp>
    <dsp:sp modelId="{6D18D4A2-72E0-44D1-9518-BD5817B62829}">
      <dsp:nvSpPr>
        <dsp:cNvPr id="0" name=""/>
        <dsp:cNvSpPr/>
      </dsp:nvSpPr>
      <dsp:spPr>
        <a:xfrm>
          <a:off x="0" y="2541159"/>
          <a:ext cx="4070555" cy="63882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/>
            <a:t>Følg proceduren t.h.</a:t>
          </a:r>
          <a:endParaRPr lang="en-US" sz="1600" kern="1200"/>
        </a:p>
      </dsp:txBody>
      <dsp:txXfrm>
        <a:off x="31185" y="2572344"/>
        <a:ext cx="4008185" cy="576450"/>
      </dsp:txXfrm>
    </dsp:sp>
    <dsp:sp modelId="{68112339-B0B8-4A57-99F3-2AB53FFFFE7E}">
      <dsp:nvSpPr>
        <dsp:cNvPr id="0" name=""/>
        <dsp:cNvSpPr/>
      </dsp:nvSpPr>
      <dsp:spPr>
        <a:xfrm>
          <a:off x="0" y="3226059"/>
          <a:ext cx="4070555" cy="63882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/>
            <a:t>Vi henter jer tilbage igen.</a:t>
          </a:r>
          <a:endParaRPr lang="en-US" sz="1600" kern="1200"/>
        </a:p>
      </dsp:txBody>
      <dsp:txXfrm>
        <a:off x="31185" y="3257244"/>
        <a:ext cx="4008185" cy="576450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C914F7A9-7C00-43C8-9278-87098FBA9BF1}">
      <dsp:nvSpPr>
        <dsp:cNvPr id="0" name=""/>
        <dsp:cNvSpPr/>
      </dsp:nvSpPr>
      <dsp:spPr>
        <a:xfrm>
          <a:off x="0" y="297438"/>
          <a:ext cx="4862446" cy="159471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Lokal evaluering for KUI-vejledere og fagprofessionelle (LÆS). </a:t>
          </a:r>
          <a:endParaRPr lang="en-US" sz="2900" kern="1200" dirty="0"/>
        </a:p>
      </dsp:txBody>
      <dsp:txXfrm>
        <a:off x="77847" y="375285"/>
        <a:ext cx="4706752" cy="1439016"/>
      </dsp:txXfrm>
    </dsp:sp>
    <dsp:sp modelId="{C445F149-5612-4B67-BCCD-57331CDBAFA6}">
      <dsp:nvSpPr>
        <dsp:cNvPr id="0" name=""/>
        <dsp:cNvSpPr/>
      </dsp:nvSpPr>
      <dsp:spPr>
        <a:xfrm>
          <a:off x="0" y="1975668"/>
          <a:ext cx="4862446" cy="159471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Den 24. november </a:t>
          </a:r>
        </a:p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kl. 9.30 – 15.30 i Aalborg. </a:t>
          </a:r>
          <a:endParaRPr lang="en-US" sz="2900" kern="1200" dirty="0"/>
        </a:p>
      </dsp:txBody>
      <dsp:txXfrm>
        <a:off x="77847" y="2053515"/>
        <a:ext cx="4706752" cy="1439016"/>
      </dsp:txXfrm>
    </dsp:sp>
    <dsp:sp modelId="{46EEF489-D52B-42E4-9779-28DEC097CD2D}">
      <dsp:nvSpPr>
        <dsp:cNvPr id="0" name=""/>
        <dsp:cNvSpPr/>
      </dsp:nvSpPr>
      <dsp:spPr>
        <a:xfrm>
          <a:off x="0" y="3653898"/>
          <a:ext cx="4862446" cy="159471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Den 25. november</a:t>
          </a:r>
        </a:p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 kl. 9 – 15 på Frederiksberg</a:t>
          </a:r>
          <a:endParaRPr lang="en-US" sz="2900" kern="1200" dirty="0"/>
        </a:p>
      </dsp:txBody>
      <dsp:txXfrm>
        <a:off x="77847" y="3731745"/>
        <a:ext cx="4706752" cy="143901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CircleList">
  <dgm:title val="Icon Circle List"/>
  <dgm:desc val="Use to show non-sequential or grouped chunks of information accompanied by related visuals. Circular shapes can hold an icon or small picture and corresponding text box shows Level 1 text. Works best for icons or small pictures with medium-length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alg type="sp"/>
    <dgm:shape xmlns:r="http://schemas.openxmlformats.org/officeDocument/2006/relationships" r:blip="">
      <dgm:adjLst/>
    </dgm:shape>
    <dgm:presOf/>
    <dgm:choose name="Name0">
      <dgm:if name="Name1" axis="ch" ptType="node" func="cnt" op="lte" val="3">
        <dgm:constrLst>
          <dgm:constr type="w" for="ch" forName="container" refType="w"/>
          <dgm:constr type="h" for="ch" forName="container" refType="h" fact="0.4"/>
        </dgm:constrLst>
      </dgm:if>
      <dgm:else name="Name2">
        <dgm:constrLst>
          <dgm:constr type="w" for="ch" forName="container" refType="w"/>
          <dgm:constr type="h" for="ch" forName="container" refType="h"/>
        </dgm:constrLst>
      </dgm:else>
    </dgm:choose>
    <dgm:ruleLst>
      <dgm:rule type="h" for="ch" forName="container" val="INF" fact="NaN" max="NaN"/>
    </dgm:ruleLst>
    <dgm:layoutNode name="container">
      <dgm:varLst>
        <dgm:dir/>
        <dgm:resizeHandles val="exact"/>
      </dgm:varLst>
      <dgm:choose name="Name3">
        <dgm:if name="Name4" axis="self" func="var" arg="dir" op="equ" val="norm">
          <dgm:alg type="snake">
            <dgm:param type="grDir" val="tL"/>
            <dgm:param type="flowDir" val="row"/>
            <dgm:param type="contDir" val="sameDir"/>
          </dgm:alg>
        </dgm:if>
        <dgm:else name="Name5">
          <dgm:alg type="snake">
            <dgm:param type="grDir" val="tR"/>
            <dgm:param type="flowDir" val="row"/>
            <dgm:param type="contDir" val="sameDi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compNode" refType="w"/>
        <dgm:constr type="h" for="ch" forName="compNode" refType="w" fact="0.28"/>
        <dgm:constr type="w" for="ch" forName="sibTrans" refType="w" refFor="ch" refForName="compNode" fact="0.115"/>
        <dgm:constr type="sp" refType="h" op="equ" fact="0.17"/>
        <dgm:constr type="primFontSz" for="des" ptType="node" op="equ" val="24"/>
        <dgm:constr type="h" for="des" forName="compNode" op="equ"/>
        <dgm:constr type="h" for="des" forName="iconBgRect" op="equ"/>
      </dgm:constrLst>
      <dgm:ruleLst>
        <dgm:rule type="w" for="ch" forName="compNode" val="60" fact="NaN" max="NaN"/>
      </dgm:ruleLst>
      <dgm:forEach name="Name6" axis="ch" ptType="node">
        <dgm:layoutNode name="compNode">
          <dgm:alg type="composite"/>
          <dgm:shape xmlns:r="http://schemas.openxmlformats.org/officeDocument/2006/relationships" r:blip="">
            <dgm:adjLst/>
          </dgm:shape>
          <dgm:presOf axis="self"/>
          <dgm:constrLst>
            <dgm:constr type="w" for="ch" forName="iconBgRect" refType="w" fact="0.28"/>
            <dgm:constr type="h" for="ch" forName="iconBgRect" refType="w" refFor="ch" refForName="iconBgRect"/>
            <dgm:constr type="t" for="ch" forName="iconBgRect"/>
            <dgm:constr type="l" for="ch" forName="iconBgRect"/>
            <dgm:constr type="w" for="ch" forName="iconRect" refType="w" refFor="ch" refForName="iconBgRect" fact="0.58"/>
            <dgm:constr type="h" for="ch" forName="iconRect" refType="w" refFor="ch" refForName="iconRect"/>
            <dgm:constr type="ctrX" for="ch" forName="iconRect" refType="ctrX" refFor="ch" refForName="iconBgRect"/>
            <dgm:constr type="ctrY" for="ch" forName="iconRect" refType="ctrY" refFor="ch" refForName="iconBgRect"/>
            <dgm:constr type="w" for="ch" forName="spaceRect" refType="w" fact="0.06"/>
            <dgm:constr type="h" for="ch" forName="spaceRect" refType="h" refFor="ch" refForName="iconBgRect"/>
            <dgm:constr type="t" for="ch" forName="spaceRect" refType="t" refFor="ch" refForName="iconBgRect"/>
            <dgm:constr type="l" for="ch" forName="spaceRect" refType="r" refFor="ch" refForName="iconBgRect"/>
            <dgm:constr type="h" for="ch" forName="textRect" refType="h" refFor="ch" refForName="iconBgRect"/>
            <dgm:constr type="t" for="ch" forName="textRect" refType="t" refFor="ch" refForName="iconBgRect"/>
            <dgm:constr type="l" for="ch" forName="textRect" refType="r" refFor="ch" refForName="spaceRect"/>
          </dgm:constrLst>
          <dgm:ruleLst/>
          <dgm:layoutNode name="iconBgRect" styleLbl="bgShp">
            <dgm:alg type="sp"/>
            <dgm:shape xmlns:r="http://schemas.openxmlformats.org/officeDocument/2006/relationships" type="ellipse" r:blip="">
              <dgm:adjLst/>
            </dgm:shape>
            <dgm:presOf/>
            <dgm:constrLst/>
            <dgm:ruleLst/>
          </dgm:layoutNode>
          <dgm:layoutNode name="iconRect" styleLbl="node1">
            <dgm:alg type="sp"/>
            <dgm:shape xmlns:r="http://schemas.openxmlformats.org/officeDocument/2006/relationships" type="rect" r:blip="" blipPhldr="1">
              <dgm:adjLst/>
            </dgm:shape>
            <dgm:presOf/>
            <dgm:constrLst/>
            <dgm:ruleLst/>
          </dgm:layoutNode>
          <dgm:layoutNode name="spaceRect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  <dgm:layoutNode name="textRect" styleLbl="revTx">
            <dgm:varLst>
              <dgm:chMax val="1"/>
              <dgm:chPref val="1"/>
            </dgm:varLst>
            <dgm:choose name="Name7">
              <dgm:if name="Name8" func="var" arg="dir" op="equ" val="norm">
                <dgm:alg type="tx">
                  <dgm:param type="txAnchorVert" val="mid"/>
                  <dgm:param type="parTxLTRAlign" val="l"/>
                  <dgm:param type="shpTxLTRAlignCh" val="l"/>
                  <dgm:param type="parTxRTLAlign" val="l"/>
                  <dgm:param type="shpTxRTLAlignCh" val="l"/>
                </dgm:alg>
              </dgm:if>
              <dgm:else name="Name9">
                <dgm:alg type="tx">
                  <dgm:param type="txAnchorVert" val="mid"/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self" ptType="node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11" fact="NaN" max="NaN"/>
            </dgm:ruleLst>
          </dgm:layoutNode>
        </dgm:layoutNode>
        <dgm:forEach name="Name10" axis="followSib" ptType="sibTrans" cnt="1">
          <dgm:layoutNode name="sibTrans">
            <dgm:alg type="sp"/>
            <dgm:shape xmlns:r="http://schemas.openxmlformats.org/officeDocument/2006/relationships" type="rect" r:blip="" hideGeom="1">
              <dgm:adjLst/>
            </dgm:shape>
            <dgm:presOf axis="self"/>
            <dgm:constrLst/>
            <dgm:ruleLst/>
          </dgm:layoutNode>
        </dgm:forEach>
      </dgm:forEach>
    </dgm:layoutNode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</dgm1612:lstStyle>
    </a:ext>
  </dgm:extLst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90FF9EE-ADD7-4327-B4BD-0323A6E0F7E3}" type="datetimeFigureOut">
              <a:rPr lang="da-DK" smtClean="0"/>
              <a:t>22-08-2025</a:t>
            </a:fld>
            <a:endParaRPr lang="da-DK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9882DE0E-944E-40ED-9A80-763BEA38707E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1939555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82DE0E-944E-40ED-9A80-763BEA38707E}" type="slidenum">
              <a:rPr lang="da-DK" smtClean="0"/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6854320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82DE0E-944E-40ED-9A80-763BEA38707E}" type="slidenum">
              <a:rPr lang="da-DK" smtClean="0"/>
              <a:t>1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9683659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1B63F7-EF8D-1442-2805-F90D13F7F62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76B73C6-4021-68D5-1099-5B1540F6C8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45FE5C-42F5-ED25-BFA5-92006F0FA5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D8D708-28BE-2B4D-76EA-65C5F9F1DE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C89D1B-E6BF-1F61-350B-A416EBB702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2091750"/>
      </p:ext>
    </p:extLst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804915-0AA5-88A7-550C-EDDA662671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E87B0AC-256A-DD5C-1FB2-5A51ABFB7B1B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8513A8-DC61-DCAC-BADE-CE9BA1EE393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4F1CA6-2AA6-85A0-F736-1DE71D2407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F0E3D0-868A-15DA-2C55-94052974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42050931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792D8FEF-8EEC-1D16-8F69-5FF3DA5EC32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E0F4F87-CA82-C826-169C-6FB5E8F980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4D8FAE7-3CBB-7B80-6765-1E483D9B8B6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49F97FD-BF40-F2B8-A174-8202C552215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DF56C77-356C-3228-9EE8-7AC8DFA4CB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734078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7B7F94-F949-C9D2-64CD-B62B7DC798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E5FE4-1DC9-4259-BC3F-AAA35F5532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C1BD69D-53F3-11C2-CD61-58145ADE39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127DC1-FAE3-D580-F35F-401162D214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095CA33-9D26-98B6-E85B-DDD0450837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21200"/>
      </p:ext>
    </p:extLst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EDBDCC-CCDE-89ED-215B-A5C7B94C5B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5A45BD-B998-CDFD-1526-FDD92DF37BC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82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82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82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D13C8F-2C17-07EA-C35A-A35FBFF6BAE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73E90C3-7845-28AD-B4AB-4E25141A32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17ABC6B-8C7F-938E-F069-4B9182347D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684753"/>
      </p:ext>
    </p:extLst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222F3A-0938-B89E-F4AB-85FEE18072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260B9D-3512-C97D-CC45-A43A179A5DA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7026FA-4782-12C8-2CC1-2C750945158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E189C04-0833-1C4B-D8A2-3712684FF8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74AB21E-0157-D95F-9FCC-4B063351BD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AAD5F7A-AE0A-B266-6D5F-8DCFAF7C0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3439003"/>
      </p:ext>
    </p:extLst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7DF502-0597-DE6F-EFAA-91FE7CBC24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65B2D51-88C7-8166-7DF4-05B2412EE19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74D9031-D1F7-2CE0-3119-FE2D72314FE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584C981-6167-2D0E-C5BB-60431E3459B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EAFAC50-58D5-0FF1-CA9C-ADFF4B70CC11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32834AD-3601-067D-72FB-6D29B190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366F7D6-4AD1-81C2-9724-6BD002051E4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8119DA6-2F99-B552-267C-700E7BCBD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3766301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FFD68-AAAD-B847-FEDE-8097587BD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09AE93F-DDAA-4DD3-F594-609BC95045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BBBD2A4-363A-DAA0-622F-DD627BA811B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016BABE-D66C-7F7F-7ABA-8A59FDD28E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194500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E5D7050-3A86-DB26-84B4-1380B38A3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5EE70D8-9614-140C-81C8-4A5C6A3B8B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5A678B-AC33-BD31-7B81-62828144C3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14368598"/>
      </p:ext>
    </p:extLst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037EB7-7A36-D8E2-02CC-749D8CB3F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2C83CD-C860-00EB-932A-D31384975C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22020D6-2495-A29C-DAC2-F0076F1846D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4F7D8A-A545-AF69-94BF-B59A301035E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D14F846-93A0-440A-DF82-A698055FAC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7D9461-0EED-10DF-5196-A303CB95FF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318450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B58D1-A1EA-0634-FAC2-90E4D720AF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73B24B92-4BA2-E8CE-A1AE-B2657786554E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DB59854-B0B7-287F-B832-2C9C0A998D8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BAE5A84-FE53-EC4F-4180-C28245FDBD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5B90BC5-7018-2B6D-B9F7-2475E1AF44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276DC6-615A-374B-A4E6-15D9BD75FD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49487952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191813B5-2A41-5C27-B7E0-D603DEF4AE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243182-73AD-0D40-3DCC-23A18443DAF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5119043-2191-16F3-BF2E-3BC4C2360E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FE4536C-B9BE-F920-FD20-E3C829D7C06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5E17EA-46F5-6E05-831C-C882CC57D7A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9927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ransition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Relationship Id="rId4" Type="http://schemas.openxmlformats.org/officeDocument/2006/relationships/image" Target="../media/image1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sv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svg"/><Relationship Id="rId3" Type="http://schemas.openxmlformats.org/officeDocument/2006/relationships/diagramLayout" Target="../diagrams/layout2.xml"/><Relationship Id="rId7" Type="http://schemas.openxmlformats.org/officeDocument/2006/relationships/image" Target="../media/image12.png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4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8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3.sv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50" name="Rectangle 1049">
            <a:extLst>
              <a:ext uri="{FF2B5EF4-FFF2-40B4-BE49-F238E27FC236}">
                <a16:creationId xmlns:a16="http://schemas.microsoft.com/office/drawing/2014/main" id="{F0A604E4-7307-451C-93BE-F1F7E1BF3B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2" y="0"/>
            <a:ext cx="12192004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52" name="Rectangle 1051">
            <a:extLst>
              <a:ext uri="{FF2B5EF4-FFF2-40B4-BE49-F238E27FC236}">
                <a16:creationId xmlns:a16="http://schemas.microsoft.com/office/drawing/2014/main" id="{F7F3A0AA-35E5-4085-942B-73783903060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1" y="5282344"/>
            <a:ext cx="12191998" cy="1590742"/>
          </a:xfrm>
          <a:prstGeom prst="rect">
            <a:avLst/>
          </a:prstGeom>
          <a:gradFill>
            <a:gsLst>
              <a:gs pos="34000">
                <a:srgbClr val="000000">
                  <a:alpha val="96000"/>
                </a:srgbClr>
              </a:gs>
              <a:gs pos="100000">
                <a:schemeClr val="accent1"/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54" name="Rectangle 1053">
            <a:extLst>
              <a:ext uri="{FF2B5EF4-FFF2-40B4-BE49-F238E27FC236}">
                <a16:creationId xmlns:a16="http://schemas.microsoft.com/office/drawing/2014/main" id="{402F5C38-C747-4173-ABBF-656E39E8213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4" y="5282344"/>
            <a:ext cx="8115300" cy="1590742"/>
          </a:xfrm>
          <a:prstGeom prst="rect">
            <a:avLst/>
          </a:prstGeom>
          <a:gradFill>
            <a:gsLst>
              <a:gs pos="28000">
                <a:schemeClr val="accent1">
                  <a:lumMod val="75000"/>
                  <a:alpha val="59000"/>
                </a:schemeClr>
              </a:gs>
              <a:gs pos="100000">
                <a:srgbClr val="000000">
                  <a:alpha val="70000"/>
                </a:srgb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56" name="Rectangle 1055">
            <a:extLst>
              <a:ext uri="{FF2B5EF4-FFF2-40B4-BE49-F238E27FC236}">
                <a16:creationId xmlns:a16="http://schemas.microsoft.com/office/drawing/2014/main" id="{E37EECFC-A684-4391-AE85-4CDAF5565F6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4" y="5282344"/>
            <a:ext cx="12191998" cy="1590742"/>
          </a:xfrm>
          <a:prstGeom prst="rect">
            <a:avLst/>
          </a:prstGeom>
          <a:gradFill>
            <a:gsLst>
              <a:gs pos="0">
                <a:srgbClr val="000000">
                  <a:alpha val="71765"/>
                </a:srgbClr>
              </a:gs>
              <a:gs pos="100000">
                <a:schemeClr val="accent1">
                  <a:alpha val="0"/>
                </a:schemeClr>
              </a:gs>
            </a:gsLst>
            <a:lin ang="15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90F0520-D0AF-3FCE-F7DE-415E0961D35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99714" y="5490971"/>
            <a:ext cx="6962072" cy="1159200"/>
          </a:xfrm>
        </p:spPr>
        <p:txBody>
          <a:bodyPr anchor="ctr">
            <a:normAutofit/>
          </a:bodyPr>
          <a:lstStyle/>
          <a:p>
            <a:pPr algn="l"/>
            <a:r>
              <a:rPr lang="en-US" sz="3700">
                <a:solidFill>
                  <a:srgbClr val="FFFFFF"/>
                </a:solidFill>
              </a:rPr>
              <a:t>Styrkede overgange for unge med ordblindhed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A8E16F6-0E05-2C96-F30B-C7824750033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456522" y="5633765"/>
            <a:ext cx="3408555" cy="873612"/>
          </a:xfrm>
        </p:spPr>
        <p:txBody>
          <a:bodyPr anchor="ctr">
            <a:normAutofit/>
          </a:bodyPr>
          <a:lstStyle/>
          <a:p>
            <a:pPr algn="l"/>
            <a:r>
              <a:rPr lang="en-US" sz="2000" dirty="0">
                <a:solidFill>
                  <a:srgbClr val="FFFFFF"/>
                </a:solidFill>
              </a:rPr>
              <a:t>Online seminar den 14. august 2025</a:t>
            </a:r>
          </a:p>
          <a:p>
            <a:pPr algn="l"/>
            <a:endParaRPr lang="en-US" sz="2000" dirty="0">
              <a:solidFill>
                <a:srgbClr val="FFFFFF"/>
              </a:solidFill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AAF5DB7B-5660-E294-9B13-C222BC2494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78535" y="1121292"/>
            <a:ext cx="11327549" cy="30581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329826"/>
      </p:ext>
    </p:extLst>
  </p:cSld>
  <p:clrMapOvr>
    <a:masterClrMapping/>
  </p:clrMapOvr>
  <p:transition/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6" name="Rectangle 25">
            <a:extLst>
              <a:ext uri="{FF2B5EF4-FFF2-40B4-BE49-F238E27FC236}">
                <a16:creationId xmlns:a16="http://schemas.microsoft.com/office/drawing/2014/main" id="{2EB492CD-616E-47F8-933B-5E2D952A059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28" name="Arc 27">
            <a:extLst>
              <a:ext uri="{FF2B5EF4-FFF2-40B4-BE49-F238E27FC236}">
                <a16:creationId xmlns:a16="http://schemas.microsoft.com/office/drawing/2014/main" id="{59383CF9-23B5-4335-9B21-1791C4CF1C7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3967198" flipH="1">
            <a:off x="8631348" y="490493"/>
            <a:ext cx="2987899" cy="2987899"/>
          </a:xfrm>
          <a:prstGeom prst="arc">
            <a:avLst>
              <a:gd name="adj1" fmla="val 14441841"/>
              <a:gd name="adj2" fmla="val 0"/>
            </a:avLst>
          </a:prstGeom>
          <a:ln w="127000" cap="rnd">
            <a:solidFill>
              <a:schemeClr val="accent4"/>
            </a:solidFill>
            <a:prstDash val="dash"/>
            <a:miter lim="800000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2D9F2FDB-06F5-BD24-FC4A-352EA6BDF5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94962" y="479493"/>
            <a:ext cx="5458838" cy="1325563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Opsamling</a:t>
            </a:r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0007FE00-9498-4706-B255-6437B0252C0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0" y="5486400"/>
            <a:ext cx="2672863" cy="1371600"/>
          </a:xfrm>
          <a:custGeom>
            <a:avLst/>
            <a:gdLst>
              <a:gd name="connsiteX0" fmla="*/ 1721734 w 2672863"/>
              <a:gd name="connsiteY0" fmla="*/ 0 h 1371600"/>
              <a:gd name="connsiteX1" fmla="*/ 2564444 w 2672863"/>
              <a:gd name="connsiteY1" fmla="*/ 213382 h 1371600"/>
              <a:gd name="connsiteX2" fmla="*/ 2672863 w 2672863"/>
              <a:gd name="connsiteY2" fmla="*/ 279248 h 1371600"/>
              <a:gd name="connsiteX3" fmla="*/ 2672863 w 2672863"/>
              <a:gd name="connsiteY3" fmla="*/ 1371600 h 1371600"/>
              <a:gd name="connsiteX4" fmla="*/ 0 w 2672863"/>
              <a:gd name="connsiteY4" fmla="*/ 1371600 h 1371600"/>
              <a:gd name="connsiteX5" fmla="*/ 33268 w 2672863"/>
              <a:gd name="connsiteY5" fmla="*/ 1242216 h 1371600"/>
              <a:gd name="connsiteX6" fmla="*/ 1721734 w 2672863"/>
              <a:gd name="connsiteY6" fmla="*/ 0 h 137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672863" h="1371600">
                <a:moveTo>
                  <a:pt x="1721734" y="0"/>
                </a:moveTo>
                <a:cubicBezTo>
                  <a:pt x="2026863" y="0"/>
                  <a:pt x="2313937" y="77299"/>
                  <a:pt x="2564444" y="213382"/>
                </a:cubicBezTo>
                <a:lnTo>
                  <a:pt x="2672863" y="279248"/>
                </a:lnTo>
                <a:lnTo>
                  <a:pt x="2672863" y="1371600"/>
                </a:lnTo>
                <a:lnTo>
                  <a:pt x="0" y="1371600"/>
                </a:lnTo>
                <a:lnTo>
                  <a:pt x="33268" y="1242216"/>
                </a:lnTo>
                <a:cubicBezTo>
                  <a:pt x="257110" y="522539"/>
                  <a:pt x="928399" y="0"/>
                  <a:pt x="1721734" y="0"/>
                </a:cubicBez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pic>
        <p:nvPicPr>
          <p:cNvPr id="6" name="Pladsholder til indhold 5" descr="En pære">
            <a:extLst>
              <a:ext uri="{FF2B5EF4-FFF2-40B4-BE49-F238E27FC236}">
                <a16:creationId xmlns:a16="http://schemas.microsoft.com/office/drawing/2014/main" id="{ECC18A84-E858-173C-FA07-5F0C87851FD5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3182" y="955437"/>
            <a:ext cx="4777381" cy="4777381"/>
          </a:xfrm>
          <a:custGeom>
            <a:avLst/>
            <a:gdLst/>
            <a:ahLst/>
            <a:cxnLst/>
            <a:rect l="l" t="t" r="r" b="b"/>
            <a:pathLst>
              <a:path w="4777381" h="5643794">
                <a:moveTo>
                  <a:pt x="143704" y="0"/>
                </a:moveTo>
                <a:lnTo>
                  <a:pt x="4633677" y="0"/>
                </a:lnTo>
                <a:cubicBezTo>
                  <a:pt x="4713043" y="0"/>
                  <a:pt x="4777381" y="64338"/>
                  <a:pt x="4777381" y="143704"/>
                </a:cubicBezTo>
                <a:lnTo>
                  <a:pt x="4777381" y="5500090"/>
                </a:lnTo>
                <a:cubicBezTo>
                  <a:pt x="4777381" y="5579456"/>
                  <a:pt x="4713043" y="5643794"/>
                  <a:pt x="4633677" y="5643794"/>
                </a:cubicBezTo>
                <a:lnTo>
                  <a:pt x="143704" y="5643794"/>
                </a:lnTo>
                <a:cubicBezTo>
                  <a:pt x="64338" y="5643794"/>
                  <a:pt x="0" y="5579456"/>
                  <a:pt x="0" y="5500090"/>
                </a:cubicBezTo>
                <a:lnTo>
                  <a:pt x="0" y="143704"/>
                </a:lnTo>
                <a:cubicBezTo>
                  <a:pt x="0" y="64338"/>
                  <a:pt x="64338" y="0"/>
                  <a:pt x="143704" y="0"/>
                </a:cubicBezTo>
                <a:close/>
              </a:path>
            </a:pathLst>
          </a:cu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08DF08E-5AE7-898F-DF5E-287F366A819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5894962" y="1984443"/>
            <a:ext cx="5458838" cy="4192520"/>
          </a:xfrm>
        </p:spPr>
        <p:txBody>
          <a:bodyPr vert="horz" lIns="91440" tIns="45720" rIns="91440" bIns="45720" rtlCol="0">
            <a:normAutofit/>
          </a:bodyPr>
          <a:lstStyle/>
          <a:p>
            <a:r>
              <a:rPr lang="en-US"/>
              <a:t>Afklarende spørgsmål?</a:t>
            </a:r>
          </a:p>
          <a:p>
            <a:r>
              <a:rPr lang="en-US"/>
              <a:t>Opmærksomhedspunkter?</a:t>
            </a:r>
          </a:p>
          <a:p>
            <a:r>
              <a:rPr lang="en-US"/>
              <a:t>Evt. deling af erfaringer fra første afprøvninger.</a:t>
            </a:r>
          </a:p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36002699"/>
      </p:ext>
    </p:extLst>
  </p:cSld>
  <p:clrMapOvr>
    <a:masterClrMapping/>
  </p:clrMapOvr>
  <p:transition/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10F24D38-B79E-44B4-830E-043F45D96DC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6186023F-43DE-D19E-FCEB-9DD3A29AB9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620742"/>
            <a:ext cx="10515600" cy="1325563"/>
          </a:xfrm>
        </p:spPr>
        <p:txBody>
          <a:bodyPr>
            <a:normAutofit/>
          </a:bodyPr>
          <a:lstStyle/>
          <a:p>
            <a:r>
              <a:rPr lang="da-DK" dirty="0">
                <a:solidFill>
                  <a:srgbClr val="FFFFFF"/>
                </a:solidFill>
              </a:rPr>
              <a:t>Metoder til </a:t>
            </a:r>
            <a:r>
              <a:rPr lang="da-DK" dirty="0" err="1">
                <a:solidFill>
                  <a:srgbClr val="FFFFFF"/>
                </a:solidFill>
              </a:rPr>
              <a:t>erfaringopsamling</a:t>
            </a:r>
            <a:endParaRPr lang="da-DK" dirty="0">
              <a:solidFill>
                <a:srgbClr val="FFFFFF"/>
              </a:solidFill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FC469874-256B-45B3-A79C-7591B4BA1EC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V="1">
            <a:off x="762000" y="826324"/>
            <a:ext cx="0" cy="914400"/>
          </a:xfrm>
          <a:prstGeom prst="line">
            <a:avLst/>
          </a:prstGeom>
          <a:ln w="19050">
            <a:solidFill>
              <a:srgbClr val="FFFFFF">
                <a:alpha val="80000"/>
              </a:srgb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B3FA226-652C-0D43-97B3-43B66338EB4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2266345"/>
            <a:ext cx="5097780" cy="3910617"/>
          </a:xfrm>
        </p:spPr>
        <p:txBody>
          <a:bodyPr>
            <a:normAutofit/>
          </a:bodyPr>
          <a:lstStyle/>
          <a:p>
            <a:r>
              <a:rPr lang="da-DK" sz="2400" dirty="0">
                <a:solidFill>
                  <a:srgbClr val="FFFFFF"/>
                </a:solidFill>
              </a:rPr>
              <a:t>Observation</a:t>
            </a:r>
          </a:p>
          <a:p>
            <a:r>
              <a:rPr lang="da-DK" sz="2400" dirty="0">
                <a:solidFill>
                  <a:srgbClr val="FFFFFF"/>
                </a:solidFill>
              </a:rPr>
              <a:t>Interview</a:t>
            </a:r>
          </a:p>
        </p:txBody>
      </p:sp>
      <p:pic>
        <p:nvPicPr>
          <p:cNvPr id="6" name="Pladsholder til indhold 5" descr="To cirkler, en massiv og en udfyldning med prik">
            <a:extLst>
              <a:ext uri="{FF2B5EF4-FFF2-40B4-BE49-F238E27FC236}">
                <a16:creationId xmlns:a16="http://schemas.microsoft.com/office/drawing/2014/main" id="{8E5D26BC-457A-A3F1-B0DF-AEFAC46F091A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850062" y="2266950"/>
            <a:ext cx="3910013" cy="3910013"/>
          </a:xfrm>
        </p:spPr>
      </p:pic>
    </p:spTree>
    <p:extLst>
      <p:ext uri="{BB962C8B-B14F-4D97-AF65-F5344CB8AC3E}">
        <p14:creationId xmlns:p14="http://schemas.microsoft.com/office/powerpoint/2010/main" val="2655388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/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9" name="Slide Background">
            <a:extLst>
              <a:ext uri="{FF2B5EF4-FFF2-40B4-BE49-F238E27FC236}">
                <a16:creationId xmlns:a16="http://schemas.microsoft.com/office/drawing/2014/main" id="{C0763A76-9F1C-4FC5-82B7-DD475DA461B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-1" y="0"/>
            <a:ext cx="1219199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E81BF4F6-F2CF-4984-9D14-D6966D92F99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" y="0"/>
            <a:ext cx="8522446" cy="2285999"/>
          </a:xfrm>
          <a:prstGeom prst="rect">
            <a:avLst/>
          </a:prstGeom>
          <a:ln>
            <a:noFill/>
          </a:ln>
          <a:effectLst>
            <a:outerShdw blurRad="596900" dist="304800" dir="7140000" sx="90000" sy="90000" algn="t" rotWithShape="0">
              <a:srgbClr val="000000">
                <a:alpha val="15000"/>
              </a:srgb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61803" y="350196"/>
            <a:ext cx="4646904" cy="1624520"/>
          </a:xfrm>
        </p:spPr>
        <p:txBody>
          <a:bodyPr anchor="ctr">
            <a:normAutofit/>
          </a:bodyPr>
          <a:lstStyle/>
          <a:p>
            <a:r>
              <a:rPr lang="da-DK" sz="4000"/>
              <a:t>Observation som metod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61802" y="2743200"/>
            <a:ext cx="4646905" cy="3613149"/>
          </a:xfrm>
        </p:spPr>
        <p:txBody>
          <a:bodyPr anchor="ctr">
            <a:normAutofit/>
          </a:bodyPr>
          <a:lstStyle/>
          <a:p>
            <a:r>
              <a:rPr lang="da-DK" sz="2000"/>
              <a:t>Observation er en kvalitativ metode til at indsamle viden gennem systematisk iagttagelse.</a:t>
            </a:r>
          </a:p>
        </p:txBody>
      </p:sp>
      <p:pic>
        <p:nvPicPr>
          <p:cNvPr id="5" name="Picture 4" descr="Forstørrelsesglas, der viser faldende resultater">
            <a:extLst>
              <a:ext uri="{FF2B5EF4-FFF2-40B4-BE49-F238E27FC236}">
                <a16:creationId xmlns:a16="http://schemas.microsoft.com/office/drawing/2014/main" id="{81296D55-9850-717B-783A-9F97CE740B7C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13740" r="26860" b="-2"/>
          <a:stretch>
            <a:fillRect/>
          </a:stretch>
        </p:blipFill>
        <p:spPr>
          <a:xfrm>
            <a:off x="6096000" y="1"/>
            <a:ext cx="6102825" cy="6858000"/>
          </a:xfrm>
          <a:prstGeom prst="rect">
            <a:avLst/>
          </a:prstGeom>
        </p:spPr>
      </p:pic>
    </p:spTree>
  </p:cSld>
  <p:clrMapOvr>
    <a:masterClrMapping/>
  </p:clrMapOvr>
  <p:transition/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9" name="Rectangle 8">
            <a:extLst>
              <a:ext uri="{FF2B5EF4-FFF2-40B4-BE49-F238E27FC236}">
                <a16:creationId xmlns:a16="http://schemas.microsoft.com/office/drawing/2014/main" id="{BACC6370-2D7E-4714-9D71-7542949D7D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68B3F68-107C-434F-AA38-110D5EA91B8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2" y="0"/>
            <a:ext cx="12191998" cy="1575955"/>
          </a:xfrm>
          <a:prstGeom prst="rect">
            <a:avLst/>
          </a:prstGeom>
          <a:gradFill>
            <a:gsLst>
              <a:gs pos="0">
                <a:srgbClr val="000000">
                  <a:alpha val="96000"/>
                </a:srgbClr>
              </a:gs>
              <a:gs pos="100000">
                <a:schemeClr val="accent1">
                  <a:lumMod val="7500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AD0DBB9-1A4B-4391-81D4-CB19F9AB91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8857" y="0"/>
            <a:ext cx="4063143" cy="1576412"/>
          </a:xfrm>
          <a:prstGeom prst="rect">
            <a:avLst/>
          </a:prstGeom>
          <a:gradFill>
            <a:gsLst>
              <a:gs pos="19000">
                <a:schemeClr val="accent1">
                  <a:lumMod val="50000"/>
                  <a:alpha val="68000"/>
                </a:schemeClr>
              </a:gs>
              <a:gs pos="100000">
                <a:schemeClr val="accent1">
                  <a:alpha val="79000"/>
                </a:schemeClr>
              </a:gs>
            </a:gsLst>
            <a:lin ang="19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63BBA22-50EA-4C4D-BE05-F1CE4E63AA5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>
            <a:off x="5307777" y="-5307778"/>
            <a:ext cx="1576446" cy="12192002"/>
          </a:xfrm>
          <a:prstGeom prst="rect">
            <a:avLst/>
          </a:prstGeom>
          <a:gradFill>
            <a:gsLst>
              <a:gs pos="23000">
                <a:schemeClr val="accent1">
                  <a:alpha val="0"/>
                </a:schemeClr>
              </a:gs>
              <a:gs pos="99000">
                <a:srgbClr val="000000">
                  <a:alpha val="74000"/>
                </a:srgbClr>
              </a:gs>
            </a:gsLst>
            <a:lin ang="20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371597" y="348865"/>
            <a:ext cx="10044023" cy="877729"/>
          </a:xfrm>
        </p:spPr>
        <p:txBody>
          <a:bodyPr anchor="ctr">
            <a:normAutofit/>
          </a:bodyPr>
          <a:lstStyle/>
          <a:p>
            <a:r>
              <a:rPr lang="da-DK" sz="4000">
                <a:solidFill>
                  <a:srgbClr val="FFFFFF"/>
                </a:solidFill>
              </a:rPr>
              <a:t>Typer af observation</a:t>
            </a:r>
          </a:p>
        </p:txBody>
      </p: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50E3E7F3-CBAD-D788-6AF9-76587CD6741A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699990303"/>
              </p:ext>
            </p:extLst>
          </p:nvPr>
        </p:nvGraphicFramePr>
        <p:xfrm>
          <a:off x="677584" y="1344342"/>
          <a:ext cx="10550014" cy="198889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8C4AA52-06C3-BACC-6647-D0AD6786B31F}"/>
              </a:ext>
            </a:extLst>
          </p:cNvPr>
          <p:cNvSpPr txBox="1">
            <a:spLocks/>
          </p:cNvSpPr>
          <p:nvPr/>
        </p:nvSpPr>
        <p:spPr>
          <a:xfrm>
            <a:off x="393285" y="4020306"/>
            <a:ext cx="3351963" cy="2117429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800" b="1" dirty="0"/>
              <a:t>Deltagende observation:</a:t>
            </a:r>
          </a:p>
          <a:p>
            <a:pPr marL="0" indent="0">
              <a:buNone/>
            </a:pPr>
            <a:r>
              <a:rPr lang="da-DK" sz="1800" dirty="0"/>
              <a:t>Observatøren deltager aktivt i situationen.</a:t>
            </a:r>
          </a:p>
          <a:p>
            <a:pPr marL="0" indent="0">
              <a:buNone/>
            </a:pPr>
            <a:r>
              <a:rPr lang="da-DK" sz="1800" dirty="0"/>
              <a:t>Eksempel: En lærer deltager i gruppearbejde for at forstå elevinteraktion.</a:t>
            </a:r>
          </a:p>
          <a:p>
            <a:endParaRPr lang="da-DK" sz="1800" dirty="0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C5AAC22E-4F2B-C497-97AD-0758D122D80C}"/>
              </a:ext>
            </a:extLst>
          </p:cNvPr>
          <p:cNvSpPr txBox="1"/>
          <p:nvPr/>
        </p:nvSpPr>
        <p:spPr>
          <a:xfrm>
            <a:off x="3814076" y="3683091"/>
            <a:ext cx="3687939" cy="203132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800" b="1" dirty="0"/>
              <a:t>Ikke-deltagende observation:</a:t>
            </a:r>
          </a:p>
          <a:p>
            <a:r>
              <a:rPr lang="da-DK" sz="1800" dirty="0"/>
              <a:t>Observatøren er passiv og påvirker ikke situationen.</a:t>
            </a:r>
          </a:p>
          <a:p>
            <a:endParaRPr lang="da-DK" sz="1800" dirty="0"/>
          </a:p>
          <a:p>
            <a:r>
              <a:rPr lang="da-DK" sz="1800" dirty="0"/>
              <a:t>Eksempel: En forsker observerer undervisningen fra bagerst i lokalet.</a:t>
            </a:r>
          </a:p>
          <a:p>
            <a:endParaRPr lang="da-DK" sz="1800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A95CFEDF-F288-9A33-9D8E-D3100A085C40}"/>
              </a:ext>
            </a:extLst>
          </p:cNvPr>
          <p:cNvSpPr txBox="1"/>
          <p:nvPr/>
        </p:nvSpPr>
        <p:spPr>
          <a:xfrm>
            <a:off x="7806819" y="3129094"/>
            <a:ext cx="4227871" cy="31393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800" b="1" dirty="0"/>
              <a:t>Struktureret observation:</a:t>
            </a:r>
          </a:p>
          <a:p>
            <a:r>
              <a:rPr lang="da-DK" sz="1800" dirty="0"/>
              <a:t>Observationen følger en fast skabelon eller tjekliste.</a:t>
            </a:r>
          </a:p>
          <a:p>
            <a:r>
              <a:rPr lang="da-DK" sz="1800" dirty="0"/>
              <a:t>Eksempel: Brug af skema til at registrere hvor ofte elever rækker hånden op.</a:t>
            </a:r>
          </a:p>
          <a:p>
            <a:endParaRPr lang="da-DK" sz="1800" dirty="0"/>
          </a:p>
          <a:p>
            <a:r>
              <a:rPr lang="da-DK" sz="1800" b="1" dirty="0"/>
              <a:t>Ustruktureret observation:</a:t>
            </a:r>
          </a:p>
          <a:p>
            <a:r>
              <a:rPr lang="da-DK" sz="1800" dirty="0"/>
              <a:t>Åben og fleksibel tilgang uden fast skema.</a:t>
            </a:r>
          </a:p>
          <a:p>
            <a:r>
              <a:rPr lang="da-DK" sz="1800" dirty="0"/>
              <a:t>Eksempel: Notere frie observationer af elevernes adfærd i frikvarteret.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142DC330-4FF8-0513-3B59-D2A30934FD80}"/>
              </a:ext>
            </a:extLst>
          </p:cNvPr>
          <p:cNvSpPr txBox="1"/>
          <p:nvPr/>
        </p:nvSpPr>
        <p:spPr>
          <a:xfrm>
            <a:off x="421940" y="6137735"/>
            <a:ext cx="7256224" cy="646331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r>
              <a:rPr lang="da-DK" sz="1800" dirty="0"/>
              <a:t>På hjemmeside: Se metode-ark med forslag til observationslog. Juster det gerne.</a:t>
            </a:r>
            <a:endParaRPr lang="da-DK" dirty="0"/>
          </a:p>
        </p:txBody>
      </p:sp>
    </p:spTree>
  </p:cSld>
  <p:clrMapOvr>
    <a:masterClrMapping/>
  </p:clrMapOvr>
  <p:transition/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09588DA8-065E-4F6F-8EFD-43104AB2E0C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C4285719-470E-454C-AF62-8323075F1F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CD9FE4EF-C4D8-49A0-B2FF-81D8DB7D8A2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4" y="1410082"/>
            <a:ext cx="6858000" cy="4037836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300840D-0A0B-4512-BACA-B439D5B9C5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5" y="1420219"/>
            <a:ext cx="6857999" cy="4037839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46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2B78728-A580-49A7-84F9-6EF6F583AD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767923" y="3588085"/>
            <a:ext cx="2501979" cy="4037841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8" name="Freeform: Shape 17">
            <a:extLst>
              <a:ext uri="{FF2B5EF4-FFF2-40B4-BE49-F238E27FC236}">
                <a16:creationId xmlns:a16="http://schemas.microsoft.com/office/drawing/2014/main" id="{38FAA1A1-D861-433F-88FA-1E9D6FD31D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20635413">
            <a:off x="-501737" y="969718"/>
            <a:ext cx="3900357" cy="4178958"/>
          </a:xfrm>
          <a:custGeom>
            <a:avLst/>
            <a:gdLst>
              <a:gd name="connsiteX0" fmla="*/ 2432225 w 3900357"/>
              <a:gd name="connsiteY0" fmla="*/ 93939 h 4178958"/>
              <a:gd name="connsiteX1" fmla="*/ 3900357 w 3900357"/>
              <a:gd name="connsiteY1" fmla="*/ 2089479 h 4178958"/>
              <a:gd name="connsiteX2" fmla="*/ 1810878 w 3900357"/>
              <a:gd name="connsiteY2" fmla="*/ 4178958 h 4178958"/>
              <a:gd name="connsiteX3" fmla="*/ 78249 w 3900357"/>
              <a:gd name="connsiteY3" fmla="*/ 3257727 h 4178958"/>
              <a:gd name="connsiteX4" fmla="*/ 0 w 3900357"/>
              <a:gd name="connsiteY4" fmla="*/ 3128923 h 4178958"/>
              <a:gd name="connsiteX5" fmla="*/ 831324 w 3900357"/>
              <a:gd name="connsiteY5" fmla="*/ 244281 h 4178958"/>
              <a:gd name="connsiteX6" fmla="*/ 997559 w 3900357"/>
              <a:gd name="connsiteY6" fmla="*/ 164202 h 4178958"/>
              <a:gd name="connsiteX7" fmla="*/ 1810878 w 3900357"/>
              <a:gd name="connsiteY7" fmla="*/ 0 h 4178958"/>
              <a:gd name="connsiteX8" fmla="*/ 2432225 w 3900357"/>
              <a:gd name="connsiteY8" fmla="*/ 93939 h 41789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900357" h="4178958">
                <a:moveTo>
                  <a:pt x="2432225" y="93939"/>
                </a:moveTo>
                <a:cubicBezTo>
                  <a:pt x="3282786" y="358491"/>
                  <a:pt x="3900357" y="1151865"/>
                  <a:pt x="3900357" y="2089479"/>
                </a:cubicBezTo>
                <a:cubicBezTo>
                  <a:pt x="3900357" y="3243466"/>
                  <a:pt x="2964865" y="4178958"/>
                  <a:pt x="1810878" y="4178958"/>
                </a:cubicBezTo>
                <a:cubicBezTo>
                  <a:pt x="1089636" y="4178958"/>
                  <a:pt x="453744" y="3813531"/>
                  <a:pt x="78249" y="3257727"/>
                </a:cubicBezTo>
                <a:lnTo>
                  <a:pt x="0" y="3128923"/>
                </a:lnTo>
                <a:lnTo>
                  <a:pt x="831324" y="244281"/>
                </a:lnTo>
                <a:lnTo>
                  <a:pt x="997559" y="164202"/>
                </a:lnTo>
                <a:cubicBezTo>
                  <a:pt x="1247540" y="58468"/>
                  <a:pt x="1522381" y="0"/>
                  <a:pt x="1810878" y="0"/>
                </a:cubicBezTo>
                <a:cubicBezTo>
                  <a:pt x="2027251" y="0"/>
                  <a:pt x="2235942" y="32888"/>
                  <a:pt x="2432225" y="93939"/>
                </a:cubicBezTo>
                <a:close/>
              </a:path>
            </a:pathLst>
          </a:custGeom>
          <a:gradFill>
            <a:gsLst>
              <a:gs pos="29000">
                <a:srgbClr val="000000">
                  <a:alpha val="0"/>
                </a:srgbClr>
              </a:gs>
              <a:gs pos="100000">
                <a:schemeClr val="accent1">
                  <a:alpha val="43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D71EDA1-87BF-4D5D-AB79-F346FD1927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93" y="1399943"/>
            <a:ext cx="6858003" cy="4037835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lumMod val="60000"/>
                  <a:lumOff val="40000"/>
                  <a:alpha val="11000"/>
                </a:schemeClr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66722" y="586855"/>
            <a:ext cx="3201366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3100">
                <a:solidFill>
                  <a:srgbClr val="FFFFFF"/>
                </a:solidFill>
              </a:rPr>
              <a:t>Interview som metode til vidensindsaml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905054" y="286173"/>
            <a:ext cx="6555347" cy="5546047"/>
          </a:xfrm>
        </p:spPr>
        <p:txBody>
          <a:bodyPr anchor="ctr">
            <a:normAutofit/>
          </a:bodyPr>
          <a:lstStyle/>
          <a:p>
            <a:pPr marL="0" indent="0">
              <a:buNone/>
            </a:pPr>
            <a:r>
              <a:rPr lang="da-DK" sz="1900" dirty="0"/>
              <a:t>Interview er en </a:t>
            </a:r>
            <a:r>
              <a:rPr lang="da-DK" sz="1900" b="1" dirty="0"/>
              <a:t>kvalitativ metode </a:t>
            </a:r>
            <a:r>
              <a:rPr lang="da-DK" sz="1900" dirty="0"/>
              <a:t>til at indsamle dybdegående viden gennem samtale.</a:t>
            </a:r>
          </a:p>
          <a:p>
            <a:endParaRPr lang="da-DK" sz="1900" dirty="0"/>
          </a:p>
          <a:p>
            <a:pPr marL="0" indent="0">
              <a:buNone/>
            </a:pPr>
            <a:r>
              <a:rPr lang="da-DK" sz="1900" b="1" dirty="0"/>
              <a:t>Typer af interview:</a:t>
            </a:r>
          </a:p>
          <a:p>
            <a:r>
              <a:rPr lang="da-DK" sz="1900" dirty="0"/>
              <a:t>Struktureret: Fast spørgeramme, fx spørgeskema.</a:t>
            </a:r>
          </a:p>
          <a:p>
            <a:r>
              <a:rPr lang="da-DK" sz="1900" dirty="0"/>
              <a:t>Semistruktureret: Guidet samtale med åbne spørgsmål.</a:t>
            </a:r>
          </a:p>
          <a:p>
            <a:r>
              <a:rPr lang="da-DK" sz="1900" dirty="0"/>
              <a:t>Ustruktureret: Fri samtale, hvor emner opstår spontant.</a:t>
            </a:r>
          </a:p>
          <a:p>
            <a:endParaRPr lang="da-DK" sz="1900" dirty="0"/>
          </a:p>
          <a:p>
            <a:pPr marL="0" indent="0">
              <a:buNone/>
            </a:pPr>
            <a:r>
              <a:rPr lang="da-DK" sz="1900" b="1" dirty="0"/>
              <a:t>Praktiske råd:</a:t>
            </a:r>
          </a:p>
          <a:p>
            <a:r>
              <a:rPr lang="da-DK" sz="1900" dirty="0"/>
              <a:t>Forbered åbne og relevante spørgsmål.</a:t>
            </a:r>
          </a:p>
          <a:p>
            <a:r>
              <a:rPr lang="da-DK" sz="1900" dirty="0"/>
              <a:t>Husk aktiv lytning.</a:t>
            </a:r>
          </a:p>
          <a:p>
            <a:r>
              <a:rPr lang="da-DK" sz="1900" dirty="0"/>
              <a:t> Skab tryghed og tillid hos deltageren.</a:t>
            </a:r>
          </a:p>
          <a:p>
            <a:r>
              <a:rPr lang="da-DK" sz="1900" dirty="0"/>
              <a:t> Optag interviewet (med samtykke) for senere analyse.</a:t>
            </a:r>
          </a:p>
          <a:p>
            <a:r>
              <a:rPr lang="da-DK" sz="1900" dirty="0"/>
              <a:t>Vær opmærksom på kropssprog og tone.</a:t>
            </a: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AA8A9A84-03EA-7F94-67E3-32F685E1D407}"/>
              </a:ext>
            </a:extLst>
          </p:cNvPr>
          <p:cNvSpPr txBox="1"/>
          <p:nvPr/>
        </p:nvSpPr>
        <p:spPr>
          <a:xfrm>
            <a:off x="4311444" y="5975778"/>
            <a:ext cx="7394886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800" dirty="0"/>
              <a:t>Hjemmeside: se metode-ark om evaluering, observationslog og interview </a:t>
            </a:r>
            <a:endParaRPr lang="da-DK" dirty="0"/>
          </a:p>
        </p:txBody>
      </p:sp>
    </p:spTree>
  </p:cSld>
  <p:clrMapOvr>
    <a:masterClrMapping/>
  </p:clrMapOvr>
  <p:transition/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77FE3BF-39FF-8A92-C55C-5D2D0C79EA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10683C9-906D-C129-C29A-5320B20308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4910" y="104044"/>
            <a:ext cx="10515600" cy="1325563"/>
          </a:xfrm>
        </p:spPr>
        <p:txBody>
          <a:bodyPr/>
          <a:lstStyle/>
          <a:p>
            <a:r>
              <a:rPr lang="da-DK" dirty="0"/>
              <a:t>Lad os stille skarpt på jeres erfaringsindsamling og evaluering</a:t>
            </a:r>
          </a:p>
        </p:txBody>
      </p:sp>
      <p:graphicFrame>
        <p:nvGraphicFramePr>
          <p:cNvPr id="16" name="Pladsholder til indhold 2">
            <a:extLst>
              <a:ext uri="{FF2B5EF4-FFF2-40B4-BE49-F238E27FC236}">
                <a16:creationId xmlns:a16="http://schemas.microsoft.com/office/drawing/2014/main" id="{9D50F324-69EB-C776-4D79-C59234965C9F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176003378"/>
              </p:ext>
            </p:extLst>
          </p:nvPr>
        </p:nvGraphicFramePr>
        <p:xfrm>
          <a:off x="504347" y="1666201"/>
          <a:ext cx="4070555" cy="435133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8" name="Ellipse 7">
            <a:extLst>
              <a:ext uri="{FF2B5EF4-FFF2-40B4-BE49-F238E27FC236}">
                <a16:creationId xmlns:a16="http://schemas.microsoft.com/office/drawing/2014/main" id="{7C27F95A-D332-EE32-BD1D-A7685CB2DDA9}"/>
              </a:ext>
            </a:extLst>
          </p:cNvPr>
          <p:cNvSpPr/>
          <p:nvPr/>
        </p:nvSpPr>
        <p:spPr>
          <a:xfrm>
            <a:off x="4827639" y="1715460"/>
            <a:ext cx="7015664" cy="4252820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D49DB546-84D4-9C6C-6D42-E09674EB5E0A}"/>
              </a:ext>
            </a:extLst>
          </p:cNvPr>
          <p:cNvSpPr txBox="1"/>
          <p:nvPr/>
        </p:nvSpPr>
        <p:spPr>
          <a:xfrm>
            <a:off x="7128387" y="2276942"/>
            <a:ext cx="3736258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800" b="1" dirty="0"/>
              <a:t>Procedure</a:t>
            </a:r>
          </a:p>
        </p:txBody>
      </p:sp>
      <p:pic>
        <p:nvPicPr>
          <p:cNvPr id="14" name="Grafik 13" descr="Kamera kontur">
            <a:extLst>
              <a:ext uri="{FF2B5EF4-FFF2-40B4-BE49-F238E27FC236}">
                <a16:creationId xmlns:a16="http://schemas.microsoft.com/office/drawing/2014/main" id="{0BF7DF9D-F32C-7560-9A03-1F7ADA6C264B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0235381" y="344905"/>
            <a:ext cx="1253612" cy="1253612"/>
          </a:xfrm>
          <a:prstGeom prst="rect">
            <a:avLst/>
          </a:prstGeom>
        </p:spPr>
      </p:pic>
      <p:sp>
        <p:nvSpPr>
          <p:cNvPr id="15" name="Tekstfelt 14">
            <a:extLst>
              <a:ext uri="{FF2B5EF4-FFF2-40B4-BE49-F238E27FC236}">
                <a16:creationId xmlns:a16="http://schemas.microsoft.com/office/drawing/2014/main" id="{BDD5851C-2C8A-B849-2415-24AC0BA9DCDD}"/>
              </a:ext>
            </a:extLst>
          </p:cNvPr>
          <p:cNvSpPr txBox="1"/>
          <p:nvPr/>
        </p:nvSpPr>
        <p:spPr>
          <a:xfrm>
            <a:off x="5651042" y="2917105"/>
            <a:ext cx="5368857" cy="203132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indent="-285750" algn="l" rtl="0" fontAlgn="base">
              <a:buFontTx/>
              <a:buChar char="-"/>
            </a:pPr>
            <a:r>
              <a:rPr lang="da-DK" sz="1800" b="0" i="0" dirty="0">
                <a:solidFill>
                  <a:srgbClr val="000000"/>
                </a:solidFill>
                <a:effectLst/>
                <a:latin typeface="Calibri" panose="020F0502020204030204" pitchFamily="34" charset="0"/>
              </a:rPr>
              <a:t>2 minutter, individuelt: Læs arbejdsarkets side 3</a:t>
            </a:r>
          </a:p>
          <a:p>
            <a:pPr marL="285750" indent="-285750" algn="l" rtl="0" fontAlgn="base">
              <a:buFontTx/>
              <a:buChar char="-"/>
            </a:pPr>
            <a:r>
              <a:rPr lang="da-DK" sz="1800" b="0" i="0" dirty="0">
                <a:solidFill>
                  <a:srgbClr val="000000"/>
                </a:solidFill>
                <a:effectLst/>
                <a:latin typeface="Calibri" panose="020F0502020204030204" pitchFamily="34" charset="0"/>
              </a:rPr>
              <a:t>20 minutters samtale, fælles: Brug spørgsmålene i arbejdsarket til at tale om jeres afprøvninger. Stil gerne nysgerrige spørgsmål til hinanden. Husk at tage noter hver især undervejs. </a:t>
            </a:r>
          </a:p>
          <a:p>
            <a:pPr marL="285750" indent="-285750" algn="l" rtl="0" fontAlgn="base">
              <a:buFontTx/>
              <a:buChar char="-"/>
            </a:pPr>
            <a:r>
              <a:rPr lang="da-DK" sz="1800" b="0" i="0" dirty="0">
                <a:solidFill>
                  <a:srgbClr val="000000"/>
                </a:solidFill>
                <a:effectLst/>
                <a:latin typeface="Calibri" panose="020F0502020204030204" pitchFamily="34" charset="0"/>
              </a:rPr>
              <a:t>15 minutter, individuelt (evt. med afprøvningsmakker). Udfyld arbejdsarkets side 3. </a:t>
            </a:r>
          </a:p>
        </p:txBody>
      </p:sp>
    </p:spTree>
    <p:extLst>
      <p:ext uri="{BB962C8B-B14F-4D97-AF65-F5344CB8AC3E}">
        <p14:creationId xmlns:p14="http://schemas.microsoft.com/office/powerpoint/2010/main" val="4077054146"/>
      </p:ext>
    </p:extLst>
  </p:cSld>
  <p:clrMapOvr>
    <a:masterClrMapping/>
  </p:clrMapOvr>
  <p:transition/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12609869-9E80-471B-A487-A53288E0E79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1937FDE9-8D2C-2413-B3FF-A7715E9AAD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6397" y="502020"/>
            <a:ext cx="5323715" cy="164297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3700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Jeres</a:t>
            </a:r>
            <a:r>
              <a:rPr lang="en-US" sz="37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US" sz="3700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arbejdsark</a:t>
            </a:r>
            <a:r>
              <a:rPr lang="en-US" sz="37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med </a:t>
            </a:r>
            <a:r>
              <a:rPr lang="en-US" sz="3700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aktioner</a:t>
            </a:r>
            <a:r>
              <a:rPr lang="en-US" sz="37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….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FCC6927-2C3E-8BB3-9734-C78D7B88F79D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44923" y="2405894"/>
            <a:ext cx="5315189" cy="3535083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2000" dirty="0" err="1"/>
              <a:t>Hvis</a:t>
            </a:r>
            <a:r>
              <a:rPr lang="en-US" sz="2000" dirty="0"/>
              <a:t> I </a:t>
            </a:r>
            <a:r>
              <a:rPr lang="en-US" sz="2000" dirty="0" err="1"/>
              <a:t>ikke</a:t>
            </a:r>
            <a:r>
              <a:rPr lang="en-US" sz="2000" dirty="0"/>
              <a:t> </a:t>
            </a:r>
            <a:r>
              <a:rPr lang="en-US" sz="2000" dirty="0" err="1"/>
              <a:t>blev</a:t>
            </a:r>
            <a:r>
              <a:rPr lang="en-US" sz="2000" dirty="0"/>
              <a:t> </a:t>
            </a:r>
            <a:r>
              <a:rPr lang="en-US" sz="2000" dirty="0" err="1"/>
              <a:t>færdige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dag</a:t>
            </a:r>
            <a:r>
              <a:rPr lang="en-US" sz="2000" dirty="0"/>
              <a:t>, </a:t>
            </a:r>
            <a:r>
              <a:rPr lang="en-US" sz="2000" dirty="0" err="1"/>
              <a:t>skal</a:t>
            </a:r>
            <a:r>
              <a:rPr lang="en-US" sz="2000" dirty="0"/>
              <a:t> I </a:t>
            </a:r>
            <a:r>
              <a:rPr lang="en-US" sz="2000" dirty="0" err="1"/>
              <a:t>så</a:t>
            </a:r>
            <a:r>
              <a:rPr lang="en-US" sz="2000" dirty="0"/>
              <a:t> </a:t>
            </a:r>
            <a:r>
              <a:rPr lang="en-US" sz="2000" dirty="0" err="1"/>
              <a:t>snart</a:t>
            </a:r>
            <a:r>
              <a:rPr lang="en-US" sz="2000" dirty="0"/>
              <a:t> </a:t>
            </a:r>
            <a:r>
              <a:rPr lang="en-US" sz="2000" dirty="0" err="1"/>
              <a:t>som</a:t>
            </a:r>
            <a:r>
              <a:rPr lang="en-US" sz="2000" dirty="0"/>
              <a:t> </a:t>
            </a:r>
            <a:r>
              <a:rPr lang="en-US" sz="2000" dirty="0" err="1"/>
              <a:t>muligt</a:t>
            </a:r>
            <a:r>
              <a:rPr lang="en-US" sz="2000" dirty="0"/>
              <a:t> </a:t>
            </a:r>
            <a:r>
              <a:rPr lang="en-US" sz="2000" dirty="0" err="1"/>
              <a:t>gøre</a:t>
            </a:r>
            <a:r>
              <a:rPr lang="en-US" sz="2000" dirty="0"/>
              <a:t> </a:t>
            </a:r>
            <a:r>
              <a:rPr lang="en-US" sz="2000" dirty="0" err="1"/>
              <a:t>arket</a:t>
            </a:r>
            <a:r>
              <a:rPr lang="en-US" sz="2000" dirty="0"/>
              <a:t> </a:t>
            </a:r>
            <a:r>
              <a:rPr lang="en-US" sz="2000" dirty="0" err="1"/>
              <a:t>færdigt</a:t>
            </a:r>
            <a:r>
              <a:rPr lang="en-US" sz="2000" dirty="0"/>
              <a:t>.</a:t>
            </a:r>
          </a:p>
          <a:p>
            <a:r>
              <a:rPr lang="en-US" sz="2000" dirty="0"/>
              <a:t>I </a:t>
            </a:r>
            <a:r>
              <a:rPr lang="en-US" sz="2000" dirty="0" err="1"/>
              <a:t>skal</a:t>
            </a:r>
            <a:r>
              <a:rPr lang="en-US" sz="2000" dirty="0"/>
              <a:t> </a:t>
            </a:r>
            <a:r>
              <a:rPr lang="en-US" sz="2000" dirty="0" err="1"/>
              <a:t>stå</a:t>
            </a:r>
            <a:r>
              <a:rPr lang="en-US" sz="2000" dirty="0"/>
              <a:t> med et </a:t>
            </a:r>
            <a:r>
              <a:rPr lang="en-US" sz="2000" dirty="0" err="1"/>
              <a:t>grundigt</a:t>
            </a:r>
            <a:r>
              <a:rPr lang="en-US" sz="2000" dirty="0"/>
              <a:t> og </a:t>
            </a:r>
            <a:r>
              <a:rPr lang="en-US" sz="2000" dirty="0" err="1"/>
              <a:t>detaljeret</a:t>
            </a:r>
            <a:r>
              <a:rPr lang="en-US" sz="2000" dirty="0"/>
              <a:t> ark, </a:t>
            </a:r>
            <a:r>
              <a:rPr lang="en-US" sz="2000" dirty="0" err="1"/>
              <a:t>når</a:t>
            </a:r>
            <a:r>
              <a:rPr lang="en-US" sz="2000" dirty="0"/>
              <a:t> I </a:t>
            </a:r>
            <a:r>
              <a:rPr lang="en-US" sz="2000" dirty="0" err="1"/>
              <a:t>går</a:t>
            </a:r>
            <a:r>
              <a:rPr lang="en-US" sz="2000" dirty="0"/>
              <a:t> </a:t>
            </a:r>
            <a:r>
              <a:rPr lang="en-US" sz="2000" dirty="0" err="1"/>
              <a:t>igang</a:t>
            </a:r>
            <a:r>
              <a:rPr lang="en-US" sz="2000" dirty="0"/>
              <a:t> med </a:t>
            </a:r>
            <a:r>
              <a:rPr lang="en-US" sz="2000" dirty="0" err="1"/>
              <a:t>aktionerne</a:t>
            </a:r>
            <a:r>
              <a:rPr lang="en-US" sz="2000" dirty="0"/>
              <a:t>.</a:t>
            </a:r>
          </a:p>
          <a:p>
            <a:r>
              <a:rPr lang="en-US" sz="2000" dirty="0"/>
              <a:t>Husk: </a:t>
            </a:r>
            <a:r>
              <a:rPr lang="en-US" sz="2000" dirty="0" err="1"/>
              <a:t>Senere</a:t>
            </a:r>
            <a:r>
              <a:rPr lang="en-US" sz="2000" dirty="0"/>
              <a:t> </a:t>
            </a:r>
            <a:r>
              <a:rPr lang="en-US" sz="2000" dirty="0" err="1"/>
              <a:t>kommer</a:t>
            </a:r>
            <a:r>
              <a:rPr lang="en-US" sz="2000" dirty="0"/>
              <a:t> der nye </a:t>
            </a:r>
            <a:r>
              <a:rPr lang="en-US" sz="2000" dirty="0" err="1"/>
              <a:t>projektdeltagere</a:t>
            </a:r>
            <a:r>
              <a:rPr lang="en-US" sz="2000" dirty="0"/>
              <a:t> ind. De </a:t>
            </a:r>
            <a:r>
              <a:rPr lang="en-US" sz="2000" dirty="0" err="1"/>
              <a:t>kan</a:t>
            </a:r>
            <a:r>
              <a:rPr lang="en-US" sz="2000" dirty="0"/>
              <a:t> KUN </a:t>
            </a:r>
            <a:r>
              <a:rPr lang="en-US" sz="2000" dirty="0" err="1"/>
              <a:t>stå</a:t>
            </a:r>
            <a:r>
              <a:rPr lang="en-US" sz="2000" dirty="0"/>
              <a:t> </a:t>
            </a:r>
            <a:r>
              <a:rPr lang="en-US" sz="2000" dirty="0" err="1"/>
              <a:t>på</a:t>
            </a:r>
            <a:r>
              <a:rPr lang="en-US" sz="2000" dirty="0"/>
              <a:t> </a:t>
            </a:r>
            <a:r>
              <a:rPr lang="en-US" sz="2000" dirty="0" err="1"/>
              <a:t>skuldrene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jer</a:t>
            </a:r>
            <a:r>
              <a:rPr lang="en-US" sz="2000" dirty="0"/>
              <a:t>, </a:t>
            </a:r>
            <a:r>
              <a:rPr lang="en-US" sz="2000" dirty="0" err="1"/>
              <a:t>hvis</a:t>
            </a:r>
            <a:r>
              <a:rPr lang="en-US" sz="2000" dirty="0"/>
              <a:t> I er </a:t>
            </a:r>
            <a:r>
              <a:rPr lang="en-US" sz="2000" dirty="0" err="1"/>
              <a:t>grundige</a:t>
            </a:r>
            <a:r>
              <a:rPr lang="en-US" sz="2000" dirty="0"/>
              <a:t> med </a:t>
            </a:r>
            <a:r>
              <a:rPr lang="en-US" sz="2000" dirty="0" err="1"/>
              <a:t>dokumentationen</a:t>
            </a:r>
            <a:r>
              <a:rPr lang="en-US" sz="2000" dirty="0"/>
              <a:t>.</a:t>
            </a:r>
          </a:p>
          <a:p>
            <a:r>
              <a:rPr lang="en-US" sz="2000" dirty="0"/>
              <a:t>Send </a:t>
            </a:r>
            <a:r>
              <a:rPr lang="en-US" sz="2000" dirty="0" err="1"/>
              <a:t>os</a:t>
            </a:r>
            <a:r>
              <a:rPr lang="en-US" sz="2000" dirty="0"/>
              <a:t> </a:t>
            </a:r>
            <a:r>
              <a:rPr lang="en-US" sz="2000" dirty="0" err="1"/>
              <a:t>en</a:t>
            </a:r>
            <a:r>
              <a:rPr lang="en-US" sz="2000" dirty="0"/>
              <a:t> mail, </a:t>
            </a:r>
            <a:r>
              <a:rPr lang="en-US" sz="2000" dirty="0" err="1"/>
              <a:t>når</a:t>
            </a:r>
            <a:r>
              <a:rPr lang="en-US" sz="2000" dirty="0"/>
              <a:t> I er </a:t>
            </a:r>
            <a:r>
              <a:rPr lang="en-US" sz="2000" dirty="0" err="1"/>
              <a:t>færdige</a:t>
            </a:r>
            <a:r>
              <a:rPr lang="en-US" sz="2000" dirty="0"/>
              <a:t> (</a:t>
            </a:r>
            <a:r>
              <a:rPr lang="en-US" sz="2000" dirty="0" err="1"/>
              <a:t>hvis</a:t>
            </a:r>
            <a:r>
              <a:rPr lang="en-US" sz="2000" dirty="0"/>
              <a:t> I </a:t>
            </a:r>
            <a:r>
              <a:rPr lang="en-US" sz="2000" dirty="0" err="1"/>
              <a:t>endnu</a:t>
            </a:r>
            <a:r>
              <a:rPr lang="en-US" sz="2000" dirty="0"/>
              <a:t> </a:t>
            </a:r>
            <a:r>
              <a:rPr lang="en-US" sz="2000" dirty="0" err="1"/>
              <a:t>ikke</a:t>
            </a:r>
            <a:r>
              <a:rPr lang="en-US" sz="2000" dirty="0"/>
              <a:t> er det): mhau@kp.dk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004738A-9D34-43E8-97D2-CA0EED4F8B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5"/>
            <a:ext cx="4092521" cy="6858000"/>
          </a:xfrm>
          <a:prstGeom prst="rect">
            <a:avLst/>
          </a:prstGeom>
          <a:gradFill>
            <a:gsLst>
              <a:gs pos="8000">
                <a:srgbClr val="000000">
                  <a:alpha val="94000"/>
                </a:srgbClr>
              </a:gs>
              <a:gs pos="100000">
                <a:schemeClr val="accent1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8B8D07F-F13E-443E-BA68-2D26672D76B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2"/>
            <a:ext cx="4092521" cy="6400369"/>
          </a:xfrm>
          <a:prstGeom prst="rect">
            <a:avLst/>
          </a:prstGeom>
          <a:gradFill>
            <a:gsLst>
              <a:gs pos="31000">
                <a:schemeClr val="accent1">
                  <a:lumMod val="50000"/>
                  <a:alpha val="0"/>
                </a:schemeClr>
              </a:gs>
              <a:gs pos="100000">
                <a:schemeClr val="accent1">
                  <a:lumMod val="50000"/>
                  <a:alpha val="26000"/>
                </a:schemeClr>
              </a:gs>
            </a:gsLst>
            <a:lin ang="18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2813A4FA-24A5-41ED-A534-3807D1B2F3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22"/>
            <a:ext cx="4068667" cy="6400389"/>
          </a:xfrm>
          <a:prstGeom prst="rect">
            <a:avLst/>
          </a:prstGeom>
          <a:gradFill>
            <a:gsLst>
              <a:gs pos="0">
                <a:schemeClr val="accent1">
                  <a:alpha val="0"/>
                </a:schemeClr>
              </a:gs>
              <a:gs pos="72000">
                <a:srgbClr val="000000">
                  <a:alpha val="21000"/>
                </a:srgb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3944F27-CA70-4E84-A51A-E6BF895589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10"/>
            <a:ext cx="3611467" cy="6857997"/>
          </a:xfrm>
          <a:prstGeom prst="rect">
            <a:avLst/>
          </a:prstGeom>
          <a:gradFill>
            <a:gsLst>
              <a:gs pos="0">
                <a:schemeClr val="accent1">
                  <a:alpha val="0"/>
                </a:schemeClr>
              </a:gs>
              <a:gs pos="93000">
                <a:srgbClr val="000000">
                  <a:alpha val="29000"/>
                </a:srgbClr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6" name="Pladsholder til indhold 5" descr="En åben bog">
            <a:extLst>
              <a:ext uri="{FF2B5EF4-FFF2-40B4-BE49-F238E27FC236}">
                <a16:creationId xmlns:a16="http://schemas.microsoft.com/office/drawing/2014/main" id="{6C474205-C7C0-7BF5-4F9B-C13BA6EFFD9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75967" y="1359681"/>
            <a:ext cx="4170530" cy="41705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7410677"/>
      </p:ext>
    </p:extLst>
  </p:cSld>
  <p:clrMapOvr>
    <a:masterClrMapping/>
  </p:clrMapOvr>
  <p:transition/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Rectangle 15">
            <a:extLst>
              <a:ext uri="{FF2B5EF4-FFF2-40B4-BE49-F238E27FC236}">
                <a16:creationId xmlns:a16="http://schemas.microsoft.com/office/drawing/2014/main" id="{4C608BEB-860E-4094-8511-78603564A75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4059050" cy="6858000"/>
          </a:xfrm>
          <a:prstGeom prst="rect">
            <a:avLst/>
          </a:prstGeom>
          <a:solidFill>
            <a:srgbClr val="40404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BC5F349B-77E0-E669-6449-DEBB6EC7FD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1412488"/>
            <a:ext cx="2899189" cy="4363844"/>
          </a:xfrm>
        </p:spPr>
        <p:txBody>
          <a:bodyPr anchor="t">
            <a:normAutofit/>
          </a:bodyPr>
          <a:lstStyle/>
          <a:p>
            <a:r>
              <a:rPr lang="da-DK" sz="4000">
                <a:solidFill>
                  <a:srgbClr val="FFFFFF"/>
                </a:solidFill>
              </a:rPr>
              <a:t>Afrunding og kig mod det videre forløb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E5349AA-23C7-5612-9B19-701B2182538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380855" y="1412489"/>
            <a:ext cx="3427283" cy="4363844"/>
          </a:xfrm>
        </p:spPr>
        <p:txBody>
          <a:bodyPr>
            <a:normAutofit/>
          </a:bodyPr>
          <a:lstStyle/>
          <a:p>
            <a:r>
              <a:rPr lang="da-DK" sz="2000" dirty="0"/>
              <a:t>I afprøver i efteråret frem mod ultimo november</a:t>
            </a:r>
          </a:p>
          <a:p>
            <a:r>
              <a:rPr lang="da-DK" sz="2000" dirty="0"/>
              <a:t>I har </a:t>
            </a:r>
            <a:r>
              <a:rPr lang="da-DK" sz="2000" b="1" dirty="0"/>
              <a:t>sparring</a:t>
            </a:r>
            <a:r>
              <a:rPr lang="da-DK" sz="2000" dirty="0"/>
              <a:t> undervejs med Martin og Trine (jf. aktionscirklen, det er her, vi reflekterer og drøfter justeringer)</a:t>
            </a:r>
          </a:p>
          <a:p>
            <a:r>
              <a:rPr lang="da-DK" sz="2000" b="1" dirty="0"/>
              <a:t>I skal nu vælge to dage som reserveres til sparring.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1F16A8D4-FE87-4604-88B2-394B5D1EB43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>
            <a:off x="8129871" y="1412488"/>
            <a:ext cx="0" cy="3657600"/>
          </a:xfrm>
          <a:prstGeom prst="line">
            <a:avLst/>
          </a:prstGeom>
          <a:ln w="12700"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E98D0AB-568C-4791-200F-041B3248B8A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451604" y="1412489"/>
            <a:ext cx="3197701" cy="4363844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da-DK" sz="2000" b="1" dirty="0"/>
              <a:t>Datoer:</a:t>
            </a:r>
          </a:p>
          <a:p>
            <a:pPr marL="0" indent="0">
              <a:buNone/>
            </a:pPr>
            <a:r>
              <a:rPr lang="da-DK" sz="2000" b="1"/>
              <a:t>Se hjemmeside</a:t>
            </a:r>
            <a:endParaRPr lang="da-DK" sz="2000" dirty="0"/>
          </a:p>
        </p:txBody>
      </p:sp>
    </p:spTree>
    <p:extLst>
      <p:ext uri="{BB962C8B-B14F-4D97-AF65-F5344CB8AC3E}">
        <p14:creationId xmlns:p14="http://schemas.microsoft.com/office/powerpoint/2010/main" val="1500784283"/>
      </p:ext>
    </p:extLst>
  </p:cSld>
  <p:clrMapOvr>
    <a:masterClrMapping/>
  </p:clrMapOvr>
  <p:transition/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2" name="Rectangle 7">
            <a:extLst>
              <a:ext uri="{FF2B5EF4-FFF2-40B4-BE49-F238E27FC236}">
                <a16:creationId xmlns:a16="http://schemas.microsoft.com/office/drawing/2014/main" id="{DEE2AD96-B495-4E06-9291-B71706F728C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3" name="Rectangle 9">
            <a:extLst>
              <a:ext uri="{FF2B5EF4-FFF2-40B4-BE49-F238E27FC236}">
                <a16:creationId xmlns:a16="http://schemas.microsoft.com/office/drawing/2014/main" id="{53CF6D67-C5A8-4ADD-9E8E-1E38CA1D31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638515" y="639280"/>
            <a:ext cx="6858000" cy="5579440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Rectangle 11">
            <a:extLst>
              <a:ext uri="{FF2B5EF4-FFF2-40B4-BE49-F238E27FC236}">
                <a16:creationId xmlns:a16="http://schemas.microsoft.com/office/drawing/2014/main" id="{86909FA0-B515-4681-B7A8-FA281D133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393206" y="395206"/>
            <a:ext cx="6346209" cy="5576080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5" name="Rectangle 13">
            <a:extLst>
              <a:ext uri="{FF2B5EF4-FFF2-40B4-BE49-F238E27FC236}">
                <a16:creationId xmlns:a16="http://schemas.microsoft.com/office/drawing/2014/main" id="{21C9FE86-FCC3-4A31-AA1C-C882262B7FE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1528907" y="2818967"/>
            <a:ext cx="2501979" cy="5576080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6" name="Rectangle 15">
            <a:extLst>
              <a:ext uri="{FF2B5EF4-FFF2-40B4-BE49-F238E27FC236}">
                <a16:creationId xmlns:a16="http://schemas.microsoft.com/office/drawing/2014/main" id="{7D96243B-ECED-4B71-8E06-AE9A285EAD2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425002" y="852793"/>
            <a:ext cx="6858001" cy="5152412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11000"/>
                </a:scheme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Oval 17">
            <a:extLst>
              <a:ext uri="{FF2B5EF4-FFF2-40B4-BE49-F238E27FC236}">
                <a16:creationId xmlns:a16="http://schemas.microsoft.com/office/drawing/2014/main" id="{A09989E4-EFDC-4A90-A633-E0525FB4139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818753" y="1128497"/>
            <a:ext cx="4318303" cy="4318303"/>
          </a:xfrm>
          <a:prstGeom prst="ellipse">
            <a:avLst/>
          </a:prstGeom>
          <a:gradFill>
            <a:gsLst>
              <a:gs pos="39000">
                <a:schemeClr val="accent1">
                  <a:alpha val="0"/>
                </a:schemeClr>
              </a:gs>
              <a:gs pos="100000">
                <a:schemeClr val="accent1">
                  <a:lumMod val="60000"/>
                  <a:lumOff val="40000"/>
                  <a:alpha val="1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24C0D30-8878-9365-D703-06993253B2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6396" y="586855"/>
            <a:ext cx="4230100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3700">
                <a:solidFill>
                  <a:srgbClr val="FFFFFF"/>
                </a:solidFill>
              </a:rPr>
              <a:t>Hvad sker når afprøvningsperioden er slut?</a:t>
            </a:r>
            <a:endParaRPr lang="da-DK" sz="3700" dirty="0">
              <a:solidFill>
                <a:srgbClr val="FFFFFF"/>
              </a:solidFill>
            </a:endParaRPr>
          </a:p>
        </p:txBody>
      </p:sp>
      <p:graphicFrame>
        <p:nvGraphicFramePr>
          <p:cNvPr id="38" name="Pladsholder til indhold 2">
            <a:extLst>
              <a:ext uri="{FF2B5EF4-FFF2-40B4-BE49-F238E27FC236}">
                <a16:creationId xmlns:a16="http://schemas.microsoft.com/office/drawing/2014/main" id="{D666F4A8-E673-6311-5CD4-5AAE7CD064BE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102059589"/>
              </p:ext>
            </p:extLst>
          </p:nvPr>
        </p:nvGraphicFramePr>
        <p:xfrm>
          <a:off x="6503158" y="649480"/>
          <a:ext cx="4862447" cy="554604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100821412"/>
      </p:ext>
    </p:extLst>
  </p:cSld>
  <p:clrMapOvr>
    <a:masterClrMapping/>
  </p:clrMapOvr>
  <p:transition/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A8384FB5-9ADC-4DDC-881B-597D56F5B1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91E5A9A7-95C6-4F4F-B00E-C82E07FE62E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7539" y="1417538"/>
            <a:ext cx="6875818" cy="4040744"/>
          </a:xfrm>
          <a:prstGeom prst="rect">
            <a:avLst/>
          </a:prstGeom>
          <a:gradFill>
            <a:gsLst>
              <a:gs pos="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07DD2DE-F619-49DD-B5E7-03A290FF4ED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>
            <a:off x="-158495" y="2660473"/>
            <a:ext cx="4355594" cy="4038603"/>
          </a:xfrm>
          <a:prstGeom prst="rect">
            <a:avLst/>
          </a:prstGeom>
          <a:gradFill>
            <a:gsLst>
              <a:gs pos="0">
                <a:schemeClr val="accent1">
                  <a:alpha val="50000"/>
                </a:schemeClr>
              </a:gs>
              <a:gs pos="100000">
                <a:schemeClr val="accent1">
                  <a:lumMod val="50000"/>
                  <a:alpha val="0"/>
                </a:scheme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5149191-5F60-4A28-AAFF-039F96B0F3E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 flipH="1">
            <a:off x="-1180882" y="1638085"/>
            <a:ext cx="6857572" cy="3581401"/>
          </a:xfrm>
          <a:prstGeom prst="rect">
            <a:avLst/>
          </a:prstGeom>
          <a:gradFill>
            <a:gsLst>
              <a:gs pos="0">
                <a:srgbClr val="000000">
                  <a:alpha val="59000"/>
                </a:srgbClr>
              </a:gs>
              <a:gs pos="69000">
                <a:schemeClr val="accent1">
                  <a:alpha val="0"/>
                </a:schemeClr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8" name="Freeform: Shape 17">
            <a:extLst>
              <a:ext uri="{FF2B5EF4-FFF2-40B4-BE49-F238E27FC236}">
                <a16:creationId xmlns:a16="http://schemas.microsoft.com/office/drawing/2014/main" id="{F8260ED5-17F7-4158-B241-D51DD4CF1B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-747355" y="1201312"/>
            <a:ext cx="4808302" cy="4088666"/>
          </a:xfrm>
          <a:custGeom>
            <a:avLst/>
            <a:gdLst>
              <a:gd name="connsiteX0" fmla="*/ 48844 w 4808302"/>
              <a:gd name="connsiteY0" fmla="*/ 2888671 h 4088666"/>
              <a:gd name="connsiteX1" fmla="*/ 0 w 4808302"/>
              <a:gd name="connsiteY1" fmla="*/ 2404151 h 4088666"/>
              <a:gd name="connsiteX2" fmla="*/ 2404151 w 4808302"/>
              <a:gd name="connsiteY2" fmla="*/ 0 h 4088666"/>
              <a:gd name="connsiteX3" fmla="*/ 4808302 w 4808302"/>
              <a:gd name="connsiteY3" fmla="*/ 2404151 h 4088666"/>
              <a:gd name="connsiteX4" fmla="*/ 4700216 w 4808302"/>
              <a:gd name="connsiteY4" fmla="*/ 3119072 h 4088666"/>
              <a:gd name="connsiteX5" fmla="*/ 4643143 w 4808302"/>
              <a:gd name="connsiteY5" fmla="*/ 3275009 h 4088666"/>
              <a:gd name="connsiteX6" fmla="*/ 690093 w 4808302"/>
              <a:gd name="connsiteY6" fmla="*/ 4088666 h 4088666"/>
              <a:gd name="connsiteX7" fmla="*/ 548991 w 4808302"/>
              <a:gd name="connsiteY7" fmla="*/ 3933414 h 4088666"/>
              <a:gd name="connsiteX8" fmla="*/ 48844 w 4808302"/>
              <a:gd name="connsiteY8" fmla="*/ 2888671 h 408866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808302" h="4088666">
                <a:moveTo>
                  <a:pt x="48844" y="2888671"/>
                </a:moveTo>
                <a:cubicBezTo>
                  <a:pt x="16818" y="2732167"/>
                  <a:pt x="0" y="2570123"/>
                  <a:pt x="0" y="2404151"/>
                </a:cubicBezTo>
                <a:cubicBezTo>
                  <a:pt x="0" y="1076375"/>
                  <a:pt x="1076375" y="0"/>
                  <a:pt x="2404151" y="0"/>
                </a:cubicBezTo>
                <a:cubicBezTo>
                  <a:pt x="3731927" y="0"/>
                  <a:pt x="4808302" y="1076375"/>
                  <a:pt x="4808302" y="2404151"/>
                </a:cubicBezTo>
                <a:cubicBezTo>
                  <a:pt x="4808302" y="2653109"/>
                  <a:pt x="4770461" y="2893229"/>
                  <a:pt x="4700216" y="3119072"/>
                </a:cubicBezTo>
                <a:lnTo>
                  <a:pt x="4643143" y="3275009"/>
                </a:lnTo>
                <a:lnTo>
                  <a:pt x="690093" y="4088666"/>
                </a:lnTo>
                <a:lnTo>
                  <a:pt x="548991" y="3933414"/>
                </a:lnTo>
                <a:cubicBezTo>
                  <a:pt x="304015" y="3636572"/>
                  <a:pt x="128908" y="3279932"/>
                  <a:pt x="48844" y="2888671"/>
                </a:cubicBezTo>
                <a:close/>
              </a:path>
            </a:pathLst>
          </a:custGeom>
          <a:gradFill>
            <a:gsLst>
              <a:gs pos="39000">
                <a:schemeClr val="accent1">
                  <a:lumMod val="60000"/>
                  <a:lumOff val="40000"/>
                  <a:alpha val="0"/>
                </a:schemeClr>
              </a:gs>
              <a:gs pos="100000">
                <a:schemeClr val="accent1">
                  <a:lumMod val="75000"/>
                  <a:alpha val="26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2EE5054B-389B-0E45-B93A-0497521113D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0041" y="2767106"/>
            <a:ext cx="2880828" cy="3071906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40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Tak for i dag</a:t>
            </a:r>
          </a:p>
        </p:txBody>
      </p:sp>
      <p:pic>
        <p:nvPicPr>
          <p:cNvPr id="5" name="Pladsholder til indhold 4" descr="Blomster med vand kan og Dragonfly">
            <a:extLst>
              <a:ext uri="{FF2B5EF4-FFF2-40B4-BE49-F238E27FC236}">
                <a16:creationId xmlns:a16="http://schemas.microsoft.com/office/drawing/2014/main" id="{A4F35708-6D92-51F0-E1E4-938493C14FA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257677" y="-194686"/>
            <a:ext cx="5923584" cy="5923584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75AC075A-0156-43DE-A0F0-010F3F0DF9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70715" y="5426977"/>
            <a:ext cx="3554893" cy="9599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5455642"/>
      </p:ext>
    </p:extLst>
  </p:cSld>
  <p:clrMapOvr>
    <a:masterClrMapping/>
  </p:clrMapOvr>
  <p:transition/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A8384FB5-9ADC-4DDC-881B-597D56F5B1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1E5A9A7-95C6-4F4F-B00E-C82E07FE62E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7539" y="1417538"/>
            <a:ext cx="6875818" cy="4040744"/>
          </a:xfrm>
          <a:prstGeom prst="rect">
            <a:avLst/>
          </a:prstGeom>
          <a:gradFill>
            <a:gsLst>
              <a:gs pos="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D07DD2DE-F619-49DD-B5E7-03A290FF4ED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>
            <a:off x="-158495" y="2660473"/>
            <a:ext cx="4355594" cy="4038603"/>
          </a:xfrm>
          <a:prstGeom prst="rect">
            <a:avLst/>
          </a:prstGeom>
          <a:gradFill>
            <a:gsLst>
              <a:gs pos="0">
                <a:schemeClr val="accent1">
                  <a:alpha val="50000"/>
                </a:schemeClr>
              </a:gs>
              <a:gs pos="100000">
                <a:schemeClr val="accent1">
                  <a:lumMod val="50000"/>
                  <a:alpha val="0"/>
                </a:scheme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5149191-5F60-4A28-AAFF-039F96B0F3E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 flipH="1">
            <a:off x="-1180882" y="1638085"/>
            <a:ext cx="6857572" cy="3581401"/>
          </a:xfrm>
          <a:prstGeom prst="rect">
            <a:avLst/>
          </a:prstGeom>
          <a:gradFill>
            <a:gsLst>
              <a:gs pos="0">
                <a:srgbClr val="000000">
                  <a:alpha val="59000"/>
                </a:srgbClr>
              </a:gs>
              <a:gs pos="69000">
                <a:schemeClr val="accent1">
                  <a:alpha val="0"/>
                </a:schemeClr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F8260ED5-17F7-4158-B241-D51DD4CF1B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-747355" y="1201312"/>
            <a:ext cx="4808302" cy="4088666"/>
          </a:xfrm>
          <a:custGeom>
            <a:avLst/>
            <a:gdLst>
              <a:gd name="connsiteX0" fmla="*/ 48844 w 4808302"/>
              <a:gd name="connsiteY0" fmla="*/ 2888671 h 4088666"/>
              <a:gd name="connsiteX1" fmla="*/ 0 w 4808302"/>
              <a:gd name="connsiteY1" fmla="*/ 2404151 h 4088666"/>
              <a:gd name="connsiteX2" fmla="*/ 2404151 w 4808302"/>
              <a:gd name="connsiteY2" fmla="*/ 0 h 4088666"/>
              <a:gd name="connsiteX3" fmla="*/ 4808302 w 4808302"/>
              <a:gd name="connsiteY3" fmla="*/ 2404151 h 4088666"/>
              <a:gd name="connsiteX4" fmla="*/ 4700216 w 4808302"/>
              <a:gd name="connsiteY4" fmla="*/ 3119072 h 4088666"/>
              <a:gd name="connsiteX5" fmla="*/ 4643143 w 4808302"/>
              <a:gd name="connsiteY5" fmla="*/ 3275009 h 4088666"/>
              <a:gd name="connsiteX6" fmla="*/ 690093 w 4808302"/>
              <a:gd name="connsiteY6" fmla="*/ 4088666 h 4088666"/>
              <a:gd name="connsiteX7" fmla="*/ 548991 w 4808302"/>
              <a:gd name="connsiteY7" fmla="*/ 3933414 h 4088666"/>
              <a:gd name="connsiteX8" fmla="*/ 48844 w 4808302"/>
              <a:gd name="connsiteY8" fmla="*/ 2888671 h 408866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808302" h="4088666">
                <a:moveTo>
                  <a:pt x="48844" y="2888671"/>
                </a:moveTo>
                <a:cubicBezTo>
                  <a:pt x="16818" y="2732167"/>
                  <a:pt x="0" y="2570123"/>
                  <a:pt x="0" y="2404151"/>
                </a:cubicBezTo>
                <a:cubicBezTo>
                  <a:pt x="0" y="1076375"/>
                  <a:pt x="1076375" y="0"/>
                  <a:pt x="2404151" y="0"/>
                </a:cubicBezTo>
                <a:cubicBezTo>
                  <a:pt x="3731927" y="0"/>
                  <a:pt x="4808302" y="1076375"/>
                  <a:pt x="4808302" y="2404151"/>
                </a:cubicBezTo>
                <a:cubicBezTo>
                  <a:pt x="4808302" y="2653109"/>
                  <a:pt x="4770461" y="2893229"/>
                  <a:pt x="4700216" y="3119072"/>
                </a:cubicBezTo>
                <a:lnTo>
                  <a:pt x="4643143" y="3275009"/>
                </a:lnTo>
                <a:lnTo>
                  <a:pt x="690093" y="4088666"/>
                </a:lnTo>
                <a:lnTo>
                  <a:pt x="548991" y="3933414"/>
                </a:lnTo>
                <a:cubicBezTo>
                  <a:pt x="304015" y="3636572"/>
                  <a:pt x="128908" y="3279932"/>
                  <a:pt x="48844" y="2888671"/>
                </a:cubicBezTo>
                <a:close/>
              </a:path>
            </a:pathLst>
          </a:custGeom>
          <a:gradFill>
            <a:gsLst>
              <a:gs pos="39000">
                <a:schemeClr val="accent1">
                  <a:lumMod val="60000"/>
                  <a:lumOff val="40000"/>
                  <a:alpha val="0"/>
                </a:schemeClr>
              </a:gs>
              <a:gs pos="100000">
                <a:schemeClr val="accent1">
                  <a:lumMod val="75000"/>
                  <a:alpha val="26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B207ACA3-D75C-0293-AF76-4D9FF65D9B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0041" y="2767106"/>
            <a:ext cx="2880828" cy="3071906"/>
          </a:xfrm>
          <a:prstGeom prst="ellipse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40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Dagens program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4D76058C-177B-AFFF-7625-88910C0F166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90408" y="17819"/>
            <a:ext cx="644978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2857168"/>
      </p:ext>
    </p:extLst>
  </p:cSld>
  <p:clrMapOvr>
    <a:masterClrMapping/>
  </p:clrMapOvr>
  <p:transition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0A954EE-4011-AC22-2832-909AB8893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1013" y="3752849"/>
            <a:ext cx="3290887" cy="2452687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3600" dirty="0" err="1"/>
              <a:t>Hvad</a:t>
            </a:r>
            <a:r>
              <a:rPr lang="en-US" sz="3600" dirty="0"/>
              <a:t> </a:t>
            </a:r>
            <a:r>
              <a:rPr lang="en-US" sz="3600" dirty="0" err="1"/>
              <a:t>skal</a:t>
            </a:r>
            <a:r>
              <a:rPr lang="en-US" sz="3600" dirty="0"/>
              <a:t> vi </a:t>
            </a:r>
            <a:r>
              <a:rPr lang="en-US" sz="3600" dirty="0" err="1"/>
              <a:t>i</a:t>
            </a:r>
            <a:r>
              <a:rPr lang="en-US" sz="3600" dirty="0"/>
              <a:t> </a:t>
            </a:r>
            <a:r>
              <a:rPr lang="en-US" sz="3600" dirty="0" err="1"/>
              <a:t>dag</a:t>
            </a:r>
            <a:r>
              <a:rPr lang="en-US" sz="3600" dirty="0"/>
              <a:t> – og </a:t>
            </a:r>
            <a:r>
              <a:rPr lang="en-US" sz="3600" dirty="0" err="1"/>
              <a:t>hvorfor</a:t>
            </a:r>
            <a:r>
              <a:rPr lang="en-US" sz="3600" dirty="0"/>
              <a:t>?</a:t>
            </a:r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18D51CF8-424D-EDB4-48A7-B3DB0E88D649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/>
          <a:srcRect t="26336" b="24969"/>
          <a:stretch>
            <a:fillRect/>
          </a:stretch>
        </p:blipFill>
        <p:spPr>
          <a:xfrm>
            <a:off x="20" y="10"/>
            <a:ext cx="12191980" cy="3710603"/>
          </a:xfrm>
          <a:custGeom>
            <a:avLst/>
            <a:gdLst/>
            <a:ahLst/>
            <a:cxnLst/>
            <a:rect l="l" t="t" r="r" b="b"/>
            <a:pathLst>
              <a:path w="12192000" h="3692092">
                <a:moveTo>
                  <a:pt x="0" y="0"/>
                </a:moveTo>
                <a:lnTo>
                  <a:pt x="12192000" y="0"/>
                </a:lnTo>
                <a:lnTo>
                  <a:pt x="12192000" y="3504824"/>
                </a:lnTo>
                <a:lnTo>
                  <a:pt x="12024691" y="3517794"/>
                </a:lnTo>
                <a:cubicBezTo>
                  <a:pt x="8077523" y="3783195"/>
                  <a:pt x="4094678" y="3026959"/>
                  <a:pt x="160485" y="3663863"/>
                </a:cubicBezTo>
                <a:lnTo>
                  <a:pt x="0" y="3692092"/>
                </a:lnTo>
                <a:close/>
              </a:path>
            </a:pathLst>
          </a:custGeom>
        </p:spPr>
      </p:pic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82C1B0FC-1A9B-EC4E-4DB8-7C3897DCC04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223982" y="3752850"/>
            <a:ext cx="7485413" cy="2452687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1800" dirty="0"/>
              <a:t>I </a:t>
            </a:r>
            <a:r>
              <a:rPr lang="en-US" sz="1800" dirty="0" err="1"/>
              <a:t>skal</a:t>
            </a:r>
            <a:r>
              <a:rPr lang="en-US" sz="1800" dirty="0"/>
              <a:t> </a:t>
            </a:r>
            <a:r>
              <a:rPr lang="en-US" sz="1800" dirty="0" err="1"/>
              <a:t>beskrive</a:t>
            </a:r>
            <a:r>
              <a:rPr lang="en-US" sz="1800" dirty="0"/>
              <a:t> </a:t>
            </a:r>
            <a:r>
              <a:rPr lang="en-US" sz="1800" dirty="0" err="1"/>
              <a:t>jeres</a:t>
            </a:r>
            <a:r>
              <a:rPr lang="en-US" sz="1800" dirty="0"/>
              <a:t> </a:t>
            </a:r>
            <a:r>
              <a:rPr lang="en-US" sz="1800" dirty="0" err="1"/>
              <a:t>tiltag</a:t>
            </a:r>
            <a:r>
              <a:rPr lang="en-US" sz="1800" dirty="0"/>
              <a:t> og </a:t>
            </a:r>
            <a:r>
              <a:rPr lang="en-US" sz="1800" dirty="0" err="1"/>
              <a:t>kommende</a:t>
            </a:r>
            <a:r>
              <a:rPr lang="en-US" sz="1800" dirty="0"/>
              <a:t>, </a:t>
            </a:r>
            <a:r>
              <a:rPr lang="en-US" sz="1800" dirty="0" err="1"/>
              <a:t>igangværende</a:t>
            </a:r>
            <a:r>
              <a:rPr lang="en-US" sz="1800" dirty="0"/>
              <a:t> og </a:t>
            </a:r>
            <a:r>
              <a:rPr lang="en-US" sz="1800" dirty="0" err="1"/>
              <a:t>afholdte</a:t>
            </a:r>
            <a:r>
              <a:rPr lang="en-US" sz="1800" dirty="0"/>
              <a:t> </a:t>
            </a:r>
            <a:r>
              <a:rPr lang="en-US" sz="1800" dirty="0" err="1"/>
              <a:t>afprøvninger</a:t>
            </a:r>
            <a:r>
              <a:rPr lang="en-US" sz="1800" dirty="0"/>
              <a:t>.</a:t>
            </a:r>
          </a:p>
          <a:p>
            <a:r>
              <a:rPr lang="en-US" sz="1800" dirty="0"/>
              <a:t>Vi </a:t>
            </a:r>
            <a:r>
              <a:rPr lang="en-US" sz="1800" dirty="0" err="1"/>
              <a:t>skal</a:t>
            </a:r>
            <a:r>
              <a:rPr lang="en-US" sz="1800" dirty="0"/>
              <a:t> </a:t>
            </a:r>
            <a:r>
              <a:rPr lang="en-US" sz="1800" dirty="0" err="1"/>
              <a:t>drøfte</a:t>
            </a:r>
            <a:r>
              <a:rPr lang="en-US" sz="1800" dirty="0"/>
              <a:t> </a:t>
            </a:r>
            <a:r>
              <a:rPr lang="en-US" sz="1800" dirty="0" err="1"/>
              <a:t>hvordan</a:t>
            </a:r>
            <a:r>
              <a:rPr lang="en-US" sz="1800" dirty="0"/>
              <a:t> I </a:t>
            </a:r>
            <a:r>
              <a:rPr lang="en-US" sz="1800" dirty="0" err="1"/>
              <a:t>fastholder</a:t>
            </a:r>
            <a:r>
              <a:rPr lang="en-US" sz="1800" dirty="0"/>
              <a:t> </a:t>
            </a:r>
            <a:r>
              <a:rPr lang="en-US" sz="1800" dirty="0" err="1"/>
              <a:t>erfaringer</a:t>
            </a:r>
            <a:r>
              <a:rPr lang="en-US" sz="1800" dirty="0"/>
              <a:t>, </a:t>
            </a:r>
            <a:r>
              <a:rPr lang="en-US" sz="1800" dirty="0" err="1"/>
              <a:t>iagttagelser</a:t>
            </a:r>
            <a:r>
              <a:rPr lang="en-US" sz="1800" dirty="0"/>
              <a:t> og feedback.</a:t>
            </a:r>
          </a:p>
          <a:p>
            <a:r>
              <a:rPr lang="en-US" sz="1800" dirty="0"/>
              <a:t>I </a:t>
            </a:r>
            <a:r>
              <a:rPr lang="en-US" sz="1800" dirty="0" err="1"/>
              <a:t>får</a:t>
            </a:r>
            <a:r>
              <a:rPr lang="en-US" sz="1800" dirty="0"/>
              <a:t> </a:t>
            </a:r>
            <a:r>
              <a:rPr lang="en-US" sz="1800" dirty="0" err="1"/>
              <a:t>redskaber</a:t>
            </a:r>
            <a:r>
              <a:rPr lang="en-US" sz="1800" dirty="0"/>
              <a:t> der </a:t>
            </a:r>
            <a:r>
              <a:rPr lang="en-US" sz="1800" dirty="0" err="1"/>
              <a:t>synliggør</a:t>
            </a:r>
            <a:r>
              <a:rPr lang="en-US" sz="1800" dirty="0"/>
              <a:t> </a:t>
            </a:r>
            <a:r>
              <a:rPr lang="en-US" sz="1800" dirty="0" err="1"/>
              <a:t>metoder</a:t>
            </a:r>
            <a:r>
              <a:rPr lang="en-US" sz="1800" dirty="0"/>
              <a:t> og </a:t>
            </a:r>
            <a:r>
              <a:rPr lang="en-US" sz="1800" dirty="0" err="1"/>
              <a:t>mål</a:t>
            </a:r>
            <a:r>
              <a:rPr lang="en-US" sz="1800" dirty="0"/>
              <a:t> </a:t>
            </a:r>
            <a:r>
              <a:rPr lang="en-US" sz="1800" dirty="0" err="1"/>
              <a:t>i</a:t>
            </a:r>
            <a:r>
              <a:rPr lang="en-US" sz="1800" dirty="0"/>
              <a:t> </a:t>
            </a:r>
            <a:r>
              <a:rPr lang="en-US" sz="1800" dirty="0" err="1"/>
              <a:t>afprøvningerne</a:t>
            </a:r>
            <a:r>
              <a:rPr lang="en-US" sz="1800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4012081638"/>
      </p:ext>
    </p:extLst>
  </p:cSld>
  <p:clrMapOvr>
    <a:masterClrMapping/>
  </p:clrMapOvr>
  <p:transition/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0" name="Rectangle 29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anchor="b">
            <a:normAutofit/>
          </a:bodyPr>
          <a:lstStyle/>
          <a:p>
            <a:r>
              <a:rPr lang="da-DK" sz="2800" dirty="0"/>
              <a:t>Måden vi arbejder på i projektet, er inspireret af principperne aktionsforskning og aktionslær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136397" y="2418408"/>
            <a:ext cx="4959603" cy="3522569"/>
          </a:xfrm>
        </p:spPr>
        <p:txBody>
          <a:bodyPr anchor="t">
            <a:normAutofit/>
          </a:bodyPr>
          <a:lstStyle/>
          <a:p>
            <a:r>
              <a:rPr lang="da-DK" sz="2000" dirty="0"/>
              <a:t>Aktionsforskning er en praksisnær forskningsmetode…</a:t>
            </a:r>
          </a:p>
          <a:p>
            <a:pPr marL="0" indent="0">
              <a:buNone/>
            </a:pPr>
            <a:endParaRPr lang="da-DK" sz="2000" dirty="0"/>
          </a:p>
          <a:p>
            <a:endParaRPr lang="da-DK" sz="2000" dirty="0"/>
          </a:p>
        </p:txBody>
      </p:sp>
      <p:pic>
        <p:nvPicPr>
          <p:cNvPr id="5" name="Grafik 4" descr="Blomster med haveredskaber">
            <a:extLst>
              <a:ext uri="{FF2B5EF4-FFF2-40B4-BE49-F238E27FC236}">
                <a16:creationId xmlns:a16="http://schemas.microsoft.com/office/drawing/2014/main" id="{49E624FE-EA32-AEBC-7AA7-B0AB5182BF8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32" name="Rectangle 31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</p:cSld>
  <p:clrMapOvr>
    <a:masterClrMapping/>
  </p:clrMapOvr>
  <p:transition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anchor="b">
            <a:normAutofit/>
          </a:bodyPr>
          <a:lstStyle/>
          <a:p>
            <a:r>
              <a:rPr lang="da-DK" sz="4000" dirty="0"/>
              <a:t>Hvad vil vi med aktionstilgangen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136397" y="2418408"/>
            <a:ext cx="4959603" cy="3522569"/>
          </a:xfrm>
        </p:spPr>
        <p:txBody>
          <a:bodyPr anchor="t">
            <a:normAutofit/>
          </a:bodyPr>
          <a:lstStyle/>
          <a:p>
            <a:r>
              <a:rPr lang="da-DK" sz="2000" dirty="0"/>
              <a:t>Kombination af handling og forskning</a:t>
            </a:r>
          </a:p>
          <a:p>
            <a:r>
              <a:rPr lang="da-DK" sz="2000" dirty="0"/>
              <a:t>Fokus på forandring i praksis</a:t>
            </a:r>
          </a:p>
          <a:p>
            <a:r>
              <a:rPr lang="da-DK" sz="2000" dirty="0"/>
              <a:t>Samarbejde mellem forskere, fageksperter og praktikere</a:t>
            </a:r>
          </a:p>
          <a:p>
            <a:r>
              <a:rPr lang="da-DK" sz="2000" dirty="0"/>
              <a:t>Cyklisk proces: planlægning → handling → observation → refleksion</a:t>
            </a:r>
          </a:p>
        </p:txBody>
      </p:sp>
      <p:pic>
        <p:nvPicPr>
          <p:cNvPr id="5" name="Grafik 4" descr="Et udvalg af anderledes mønstrede cirkler">
            <a:extLst>
              <a:ext uri="{FF2B5EF4-FFF2-40B4-BE49-F238E27FC236}">
                <a16:creationId xmlns:a16="http://schemas.microsoft.com/office/drawing/2014/main" id="{D2F93CFA-43F0-AF12-5518-C2030430F8B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</p:cSld>
  <p:clrMapOvr>
    <a:masterClrMapping/>
  </p:clrMapOvr>
  <p:transition/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t>Aktionsforskningscyklu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dirty="0" err="1"/>
              <a:t>Identificér</a:t>
            </a:r>
            <a:r>
              <a:rPr dirty="0"/>
              <a:t> problem</a:t>
            </a:r>
          </a:p>
          <a:p>
            <a:r>
              <a:rPr dirty="0" err="1"/>
              <a:t>Planlæg</a:t>
            </a:r>
            <a:r>
              <a:rPr dirty="0"/>
              <a:t> intervention</a:t>
            </a:r>
          </a:p>
          <a:p>
            <a:r>
              <a:rPr dirty="0" err="1"/>
              <a:t>Udfør</a:t>
            </a:r>
            <a:r>
              <a:rPr dirty="0"/>
              <a:t> handling</a:t>
            </a:r>
          </a:p>
          <a:p>
            <a:r>
              <a:rPr dirty="0"/>
              <a:t>Observer og </a:t>
            </a:r>
            <a:r>
              <a:rPr dirty="0" err="1"/>
              <a:t>dokumentér</a:t>
            </a:r>
            <a:endParaRPr dirty="0"/>
          </a:p>
          <a:p>
            <a:r>
              <a:rPr dirty="0" err="1"/>
              <a:t>Reflektér</a:t>
            </a:r>
            <a:r>
              <a:rPr dirty="0"/>
              <a:t> og </a:t>
            </a:r>
            <a:r>
              <a:rPr dirty="0" err="1"/>
              <a:t>justér</a:t>
            </a:r>
            <a:endParaRPr dirty="0"/>
          </a:p>
        </p:txBody>
      </p:sp>
      <p:pic>
        <p:nvPicPr>
          <p:cNvPr id="4" name="Picture 3" descr="RandomFileName_13502300-3a92-411b-b640-3b2a74afc006.png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73486" y="1825625"/>
            <a:ext cx="5780314" cy="3853542"/>
          </a:xfrm>
          <a:prstGeom prst="rect">
            <a:avLst/>
          </a:prstGeom>
        </p:spPr>
      </p:pic>
      <p:sp>
        <p:nvSpPr>
          <p:cNvPr id="15" name="Ellipse 14">
            <a:extLst>
              <a:ext uri="{FF2B5EF4-FFF2-40B4-BE49-F238E27FC236}">
                <a16:creationId xmlns:a16="http://schemas.microsoft.com/office/drawing/2014/main" id="{E127EDB6-A712-E043-33AC-AA6893B4C1D0}"/>
              </a:ext>
            </a:extLst>
          </p:cNvPr>
          <p:cNvSpPr/>
          <p:nvPr/>
        </p:nvSpPr>
        <p:spPr>
          <a:xfrm>
            <a:off x="4769250" y="2347392"/>
            <a:ext cx="1983812" cy="713667"/>
          </a:xfrm>
          <a:prstGeom prst="ellipse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Refleksion og justering</a:t>
            </a: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D32FE456-AA12-7668-7F16-7BCEE59844F0}"/>
              </a:ext>
            </a:extLst>
          </p:cNvPr>
          <p:cNvCxnSpPr>
            <a:cxnSpLocks/>
          </p:cNvCxnSpPr>
          <p:nvPr/>
        </p:nvCxnSpPr>
        <p:spPr>
          <a:xfrm>
            <a:off x="6734774" y="2662722"/>
            <a:ext cx="420624" cy="42394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</p:cSld>
  <p:clrMapOvr>
    <a:masterClrMapping/>
  </p:clrMapOvr>
  <p:transition/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0" name="Rectangle 19">
            <a:extLst>
              <a:ext uri="{FF2B5EF4-FFF2-40B4-BE49-F238E27FC236}">
                <a16:creationId xmlns:a16="http://schemas.microsoft.com/office/drawing/2014/main" id="{B6FACB3C-9069-4791-BC5C-0DB7CD19B85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71F2038E-D777-4B76-81DD-DD13EE91B9D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05" y="0"/>
            <a:ext cx="12191695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31A47F69-DFD0-1C6A-9121-F2A1458856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04672" y="802955"/>
            <a:ext cx="4766330" cy="1454051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3600" kern="1200">
                <a:solidFill>
                  <a:schemeClr val="tx2"/>
                </a:solidFill>
                <a:latin typeface="+mj-lt"/>
                <a:ea typeface="+mj-ea"/>
                <a:cs typeface="+mj-cs"/>
              </a:rPr>
              <a:t>Det betyder for jer …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1D1823-B4C4-BA02-4A96-CEC05193D1B3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04672" y="2421683"/>
            <a:ext cx="4765949" cy="3353476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1700" dirty="0">
                <a:solidFill>
                  <a:schemeClr val="tx2"/>
                </a:solidFill>
              </a:rPr>
              <a:t>At I </a:t>
            </a:r>
            <a:r>
              <a:rPr lang="en-US" sz="1700" dirty="0" err="1">
                <a:solidFill>
                  <a:schemeClr val="tx2"/>
                </a:solidFill>
              </a:rPr>
              <a:t>knivskarpt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skal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formulere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hvilket</a:t>
            </a:r>
            <a:r>
              <a:rPr lang="en-US" sz="1700" dirty="0">
                <a:solidFill>
                  <a:schemeClr val="tx2"/>
                </a:solidFill>
              </a:rPr>
              <a:t> problem </a:t>
            </a:r>
            <a:r>
              <a:rPr lang="en-US" sz="1700" dirty="0" err="1">
                <a:solidFill>
                  <a:schemeClr val="tx2"/>
                </a:solidFill>
              </a:rPr>
              <a:t>jeres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aktion</a:t>
            </a:r>
            <a:r>
              <a:rPr lang="en-US" sz="1700" dirty="0">
                <a:solidFill>
                  <a:schemeClr val="tx2"/>
                </a:solidFill>
              </a:rPr>
              <a:t> (</a:t>
            </a:r>
            <a:r>
              <a:rPr lang="en-US" sz="1700" dirty="0" err="1">
                <a:solidFill>
                  <a:schemeClr val="tx2"/>
                </a:solidFill>
              </a:rPr>
              <a:t>afprøvning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af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tiltag</a:t>
            </a:r>
            <a:r>
              <a:rPr lang="en-US" sz="1700" dirty="0">
                <a:solidFill>
                  <a:schemeClr val="tx2"/>
                </a:solidFill>
              </a:rPr>
              <a:t>) </a:t>
            </a:r>
            <a:r>
              <a:rPr lang="en-US" sz="1700" dirty="0" err="1">
                <a:solidFill>
                  <a:schemeClr val="tx2"/>
                </a:solidFill>
              </a:rPr>
              <a:t>adresserer</a:t>
            </a:r>
            <a:r>
              <a:rPr lang="en-US" sz="1700" dirty="0">
                <a:solidFill>
                  <a:schemeClr val="tx2"/>
                </a:solidFill>
              </a:rPr>
              <a:t>.</a:t>
            </a:r>
          </a:p>
          <a:p>
            <a:r>
              <a:rPr lang="en-US" sz="1700" dirty="0">
                <a:solidFill>
                  <a:schemeClr val="tx2"/>
                </a:solidFill>
              </a:rPr>
              <a:t>I </a:t>
            </a:r>
            <a:r>
              <a:rPr lang="en-US" sz="1700" dirty="0" err="1">
                <a:solidFill>
                  <a:schemeClr val="tx2"/>
                </a:solidFill>
              </a:rPr>
              <a:t>skal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planlægge</a:t>
            </a:r>
            <a:r>
              <a:rPr lang="en-US" sz="1700" dirty="0">
                <a:solidFill>
                  <a:schemeClr val="tx2"/>
                </a:solidFill>
              </a:rPr>
              <a:t>, </a:t>
            </a:r>
            <a:r>
              <a:rPr lang="en-US" sz="1700" dirty="0" err="1">
                <a:solidFill>
                  <a:schemeClr val="tx2"/>
                </a:solidFill>
              </a:rPr>
              <a:t>hvordan</a:t>
            </a:r>
            <a:r>
              <a:rPr lang="en-US" sz="1700" dirty="0">
                <a:solidFill>
                  <a:schemeClr val="tx2"/>
                </a:solidFill>
              </a:rPr>
              <a:t> I </a:t>
            </a:r>
            <a:r>
              <a:rPr lang="en-US" sz="1700" dirty="0" err="1">
                <a:solidFill>
                  <a:schemeClr val="tx2"/>
                </a:solidFill>
              </a:rPr>
              <a:t>observerer</a:t>
            </a:r>
            <a:r>
              <a:rPr lang="en-US" sz="1700" dirty="0">
                <a:solidFill>
                  <a:schemeClr val="tx2"/>
                </a:solidFill>
              </a:rPr>
              <a:t> og </a:t>
            </a:r>
            <a:r>
              <a:rPr lang="en-US" sz="1700" dirty="0" err="1">
                <a:solidFill>
                  <a:schemeClr val="tx2"/>
                </a:solidFill>
              </a:rPr>
              <a:t>dokumenterer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undervejs</a:t>
            </a:r>
            <a:r>
              <a:rPr lang="en-US" sz="1700" dirty="0">
                <a:solidFill>
                  <a:schemeClr val="tx2"/>
                </a:solidFill>
              </a:rPr>
              <a:t> I </a:t>
            </a:r>
            <a:r>
              <a:rPr lang="en-US" sz="1700" dirty="0" err="1">
                <a:solidFill>
                  <a:schemeClr val="tx2"/>
                </a:solidFill>
              </a:rPr>
              <a:t>afprøvningen</a:t>
            </a:r>
            <a:r>
              <a:rPr lang="en-US" sz="1700" dirty="0">
                <a:solidFill>
                  <a:schemeClr val="tx2"/>
                </a:solidFill>
              </a:rPr>
              <a:t>.</a:t>
            </a:r>
          </a:p>
          <a:p>
            <a:r>
              <a:rPr lang="en-US" sz="1700" dirty="0" err="1">
                <a:solidFill>
                  <a:schemeClr val="tx2"/>
                </a:solidFill>
              </a:rPr>
              <a:t>Hvis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ikke</a:t>
            </a:r>
            <a:r>
              <a:rPr lang="en-US" sz="1700" dirty="0">
                <a:solidFill>
                  <a:schemeClr val="tx2"/>
                </a:solidFill>
              </a:rPr>
              <a:t> der </a:t>
            </a:r>
            <a:r>
              <a:rPr lang="en-US" sz="1700" dirty="0" err="1">
                <a:solidFill>
                  <a:schemeClr val="tx2"/>
                </a:solidFill>
              </a:rPr>
              <a:t>sker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en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systematisk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indsamling</a:t>
            </a:r>
            <a:r>
              <a:rPr lang="en-US" sz="1700" dirty="0">
                <a:solidFill>
                  <a:schemeClr val="tx2"/>
                </a:solidFill>
              </a:rPr>
              <a:t> og </a:t>
            </a:r>
            <a:r>
              <a:rPr lang="en-US" sz="1700" dirty="0" err="1">
                <a:solidFill>
                  <a:schemeClr val="tx2"/>
                </a:solidFill>
              </a:rPr>
              <a:t>fastholdelse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af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erfaringerne</a:t>
            </a:r>
            <a:r>
              <a:rPr lang="en-US" sz="1700" dirty="0">
                <a:solidFill>
                  <a:schemeClr val="tx2"/>
                </a:solidFill>
              </a:rPr>
              <a:t>, </a:t>
            </a:r>
            <a:r>
              <a:rPr lang="en-US" sz="1700" dirty="0" err="1">
                <a:solidFill>
                  <a:schemeClr val="tx2"/>
                </a:solidFill>
              </a:rPr>
              <a:t>får</a:t>
            </a:r>
            <a:r>
              <a:rPr lang="en-US" sz="1700" dirty="0">
                <a:solidFill>
                  <a:schemeClr val="tx2"/>
                </a:solidFill>
              </a:rPr>
              <a:t> vi et problem </a:t>
            </a:r>
            <a:r>
              <a:rPr lang="en-US" sz="1700" dirty="0" err="1">
                <a:solidFill>
                  <a:schemeClr val="tx2"/>
                </a:solidFill>
              </a:rPr>
              <a:t>i</a:t>
            </a:r>
            <a:r>
              <a:rPr lang="en-US" sz="1700" dirty="0">
                <a:solidFill>
                  <a:schemeClr val="tx2"/>
                </a:solidFill>
              </a:rPr>
              <a:t> forhold </a:t>
            </a:r>
            <a:r>
              <a:rPr lang="en-US" sz="1700" dirty="0" err="1">
                <a:solidFill>
                  <a:schemeClr val="tx2"/>
                </a:solidFill>
              </a:rPr>
              <a:t>til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refleksion</a:t>
            </a:r>
            <a:r>
              <a:rPr lang="en-US" sz="1700" dirty="0">
                <a:solidFill>
                  <a:schemeClr val="tx2"/>
                </a:solidFill>
              </a:rPr>
              <a:t>, </a:t>
            </a:r>
            <a:r>
              <a:rPr lang="en-US" sz="1700" dirty="0" err="1">
                <a:solidFill>
                  <a:schemeClr val="tx2"/>
                </a:solidFill>
              </a:rPr>
              <a:t>justering</a:t>
            </a:r>
            <a:r>
              <a:rPr lang="en-US" sz="1700" dirty="0">
                <a:solidFill>
                  <a:schemeClr val="tx2"/>
                </a:solidFill>
              </a:rPr>
              <a:t> og </a:t>
            </a:r>
            <a:r>
              <a:rPr lang="en-US" sz="1700" dirty="0" err="1">
                <a:solidFill>
                  <a:schemeClr val="tx2"/>
                </a:solidFill>
              </a:rPr>
              <a:t>spredning</a:t>
            </a:r>
            <a:r>
              <a:rPr lang="en-US" sz="1700" dirty="0">
                <a:solidFill>
                  <a:schemeClr val="tx2"/>
                </a:solidFill>
              </a:rPr>
              <a:t>.</a:t>
            </a:r>
          </a:p>
          <a:p>
            <a:r>
              <a:rPr lang="en-US" sz="1700" dirty="0" err="1">
                <a:solidFill>
                  <a:schemeClr val="tx2"/>
                </a:solidFill>
              </a:rPr>
              <a:t>Refleksion</a:t>
            </a:r>
            <a:r>
              <a:rPr lang="en-US" sz="1700" dirty="0">
                <a:solidFill>
                  <a:schemeClr val="tx2"/>
                </a:solidFill>
              </a:rPr>
              <a:t> og </a:t>
            </a:r>
            <a:r>
              <a:rPr lang="en-US" sz="1700" dirty="0" err="1">
                <a:solidFill>
                  <a:schemeClr val="tx2"/>
                </a:solidFill>
              </a:rPr>
              <a:t>samtaler</a:t>
            </a:r>
            <a:r>
              <a:rPr lang="en-US" sz="1700" dirty="0">
                <a:solidFill>
                  <a:schemeClr val="tx2"/>
                </a:solidFill>
              </a:rPr>
              <a:t> om </a:t>
            </a:r>
            <a:r>
              <a:rPr lang="en-US" sz="1700" dirty="0" err="1">
                <a:solidFill>
                  <a:schemeClr val="tx2"/>
                </a:solidFill>
              </a:rPr>
              <a:t>justeringer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sker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når</a:t>
            </a:r>
            <a:r>
              <a:rPr lang="en-US" sz="1700" dirty="0">
                <a:solidFill>
                  <a:schemeClr val="tx2"/>
                </a:solidFill>
              </a:rPr>
              <a:t> vi </a:t>
            </a:r>
            <a:r>
              <a:rPr lang="en-US" sz="1700" dirty="0" err="1">
                <a:solidFill>
                  <a:schemeClr val="tx2"/>
                </a:solidFill>
              </a:rPr>
              <a:t>har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sparringsmøder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i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løbet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af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efteråret</a:t>
            </a:r>
            <a:r>
              <a:rPr lang="en-US" sz="1700" dirty="0">
                <a:solidFill>
                  <a:schemeClr val="tx2"/>
                </a:solidFill>
              </a:rPr>
              <a:t> – og </a:t>
            </a:r>
            <a:r>
              <a:rPr lang="en-US" sz="1700" dirty="0" err="1">
                <a:solidFill>
                  <a:schemeClr val="tx2"/>
                </a:solidFill>
              </a:rPr>
              <a:t>hvis</a:t>
            </a:r>
            <a:r>
              <a:rPr lang="en-US" sz="1700" dirty="0">
                <a:solidFill>
                  <a:schemeClr val="tx2"/>
                </a:solidFill>
              </a:rPr>
              <a:t> I </a:t>
            </a:r>
            <a:r>
              <a:rPr lang="en-US" sz="1700" dirty="0" err="1">
                <a:solidFill>
                  <a:schemeClr val="tx2"/>
                </a:solidFill>
              </a:rPr>
              <a:t>selv</a:t>
            </a:r>
            <a:r>
              <a:rPr lang="en-US" sz="1700" dirty="0">
                <a:solidFill>
                  <a:schemeClr val="tx2"/>
                </a:solidFill>
              </a:rPr>
              <a:t> </a:t>
            </a:r>
            <a:r>
              <a:rPr lang="en-US" sz="1700" dirty="0" err="1">
                <a:solidFill>
                  <a:schemeClr val="tx2"/>
                </a:solidFill>
              </a:rPr>
              <a:t>mødes</a:t>
            </a:r>
            <a:r>
              <a:rPr lang="en-US" sz="1700" dirty="0">
                <a:solidFill>
                  <a:schemeClr val="tx2"/>
                </a:solidFill>
              </a:rPr>
              <a:t>.</a:t>
            </a:r>
          </a:p>
          <a:p>
            <a:pPr marL="0"/>
            <a:endParaRPr lang="en-US" sz="1700" dirty="0">
              <a:solidFill>
                <a:schemeClr val="tx2"/>
              </a:solidFill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DD354807-230F-4402-B1B9-F733A8F1F19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5818240" y="-16714"/>
            <a:ext cx="6373761" cy="6874714"/>
            <a:chOff x="5818240" y="-1"/>
            <a:chExt cx="6373761" cy="6874714"/>
          </a:xfrm>
        </p:grpSpPr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F5A6F4A-CE87-4D5C-9382-8167967CE81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5818240" y="-1"/>
              <a:ext cx="6373761" cy="6874714"/>
            </a:xfrm>
            <a:custGeom>
              <a:avLst/>
              <a:gdLst>
                <a:gd name="connsiteX0" fmla="*/ 6373761 w 6373761"/>
                <a:gd name="connsiteY0" fmla="*/ 5771297 h 6874714"/>
                <a:gd name="connsiteX1" fmla="*/ 6373761 w 6373761"/>
                <a:gd name="connsiteY1" fmla="*/ 6247960 h 6874714"/>
                <a:gd name="connsiteX2" fmla="*/ 6235932 w 6373761"/>
                <a:gd name="connsiteY2" fmla="*/ 6361930 h 6874714"/>
                <a:gd name="connsiteX3" fmla="*/ 5960375 w 6373761"/>
                <a:gd name="connsiteY3" fmla="*/ 6587489 h 6874714"/>
                <a:gd name="connsiteX4" fmla="*/ 5822907 w 6373761"/>
                <a:gd name="connsiteY4" fmla="*/ 6701871 h 6874714"/>
                <a:gd name="connsiteX5" fmla="*/ 5681115 w 6373761"/>
                <a:gd name="connsiteY5" fmla="*/ 6816896 h 6874714"/>
                <a:gd name="connsiteX6" fmla="*/ 5604096 w 6373761"/>
                <a:gd name="connsiteY6" fmla="*/ 6874714 h 6874714"/>
                <a:gd name="connsiteX7" fmla="*/ 4878485 w 6373761"/>
                <a:gd name="connsiteY7" fmla="*/ 6874714 h 6874714"/>
                <a:gd name="connsiteX8" fmla="*/ 5006014 w 6373761"/>
                <a:gd name="connsiteY8" fmla="*/ 6800200 h 6874714"/>
                <a:gd name="connsiteX9" fmla="*/ 5149855 w 6373761"/>
                <a:gd name="connsiteY9" fmla="*/ 6707667 h 6874714"/>
                <a:gd name="connsiteX10" fmla="*/ 5431866 w 6373761"/>
                <a:gd name="connsiteY10" fmla="*/ 6506210 h 6874714"/>
                <a:gd name="connsiteX11" fmla="*/ 5571036 w 6373761"/>
                <a:gd name="connsiteY11" fmla="*/ 6399557 h 6874714"/>
                <a:gd name="connsiteX12" fmla="*/ 5711649 w 6373761"/>
                <a:gd name="connsiteY12" fmla="*/ 6288912 h 6874714"/>
                <a:gd name="connsiteX13" fmla="*/ 6276589 w 6373761"/>
                <a:gd name="connsiteY13" fmla="*/ 5852379 h 6874714"/>
                <a:gd name="connsiteX14" fmla="*/ 3975975 w 6373761"/>
                <a:gd name="connsiteY14" fmla="*/ 263 h 6874714"/>
                <a:gd name="connsiteX15" fmla="*/ 4350473 w 6373761"/>
                <a:gd name="connsiteY15" fmla="*/ 24963 h 6874714"/>
                <a:gd name="connsiteX16" fmla="*/ 5077909 w 6373761"/>
                <a:gd name="connsiteY16" fmla="*/ 189450 h 6874714"/>
                <a:gd name="connsiteX17" fmla="*/ 5746507 w 6373761"/>
                <a:gd name="connsiteY17" fmla="*/ 505804 h 6874714"/>
                <a:gd name="connsiteX18" fmla="*/ 6322456 w 6373761"/>
                <a:gd name="connsiteY18" fmla="*/ 956633 h 6874714"/>
                <a:gd name="connsiteX19" fmla="*/ 6373761 w 6373761"/>
                <a:gd name="connsiteY19" fmla="*/ 1011863 h 6874714"/>
                <a:gd name="connsiteX20" fmla="*/ 6373761 w 6373761"/>
                <a:gd name="connsiteY20" fmla="*/ 1185075 h 6874714"/>
                <a:gd name="connsiteX21" fmla="*/ 6359489 w 6373761"/>
                <a:gd name="connsiteY21" fmla="*/ 1169497 h 6874714"/>
                <a:gd name="connsiteX22" fmla="*/ 6233869 w 6373761"/>
                <a:gd name="connsiteY22" fmla="*/ 1047442 h 6874714"/>
                <a:gd name="connsiteX23" fmla="*/ 5961423 w 6373761"/>
                <a:gd name="connsiteY23" fmla="*/ 827953 h 6874714"/>
                <a:gd name="connsiteX24" fmla="*/ 5663555 w 6373761"/>
                <a:gd name="connsiteY24" fmla="*/ 645304 h 6874714"/>
                <a:gd name="connsiteX25" fmla="*/ 5013827 w 6373761"/>
                <a:gd name="connsiteY25" fmla="*/ 397863 h 6874714"/>
                <a:gd name="connsiteX26" fmla="*/ 4327409 w 6373761"/>
                <a:gd name="connsiteY26" fmla="*/ 302545 h 6874714"/>
                <a:gd name="connsiteX27" fmla="*/ 3639939 w 6373761"/>
                <a:gd name="connsiteY27" fmla="*/ 338868 h 6874714"/>
                <a:gd name="connsiteX28" fmla="*/ 3302495 w 6373761"/>
                <a:gd name="connsiteY28" fmla="*/ 403659 h 6874714"/>
                <a:gd name="connsiteX29" fmla="*/ 2971604 w 6373761"/>
                <a:gd name="connsiteY29" fmla="*/ 496273 h 6874714"/>
                <a:gd name="connsiteX30" fmla="*/ 2648706 w 6373761"/>
                <a:gd name="connsiteY30" fmla="*/ 614389 h 6874714"/>
                <a:gd name="connsiteX31" fmla="*/ 2335374 w 6373761"/>
                <a:gd name="connsiteY31" fmla="*/ 757109 h 6874714"/>
                <a:gd name="connsiteX32" fmla="*/ 1741342 w 6373761"/>
                <a:gd name="connsiteY32" fmla="*/ 1107725 h 6874714"/>
                <a:gd name="connsiteX33" fmla="*/ 1600861 w 6373761"/>
                <a:gd name="connsiteY33" fmla="*/ 1208710 h 6874714"/>
                <a:gd name="connsiteX34" fmla="*/ 1531799 w 6373761"/>
                <a:gd name="connsiteY34" fmla="*/ 1260879 h 6874714"/>
                <a:gd name="connsiteX35" fmla="*/ 1463655 w 6373761"/>
                <a:gd name="connsiteY35" fmla="*/ 1314333 h 6874714"/>
                <a:gd name="connsiteX36" fmla="*/ 1200777 w 6373761"/>
                <a:gd name="connsiteY36" fmla="*/ 1541166 h 6874714"/>
                <a:gd name="connsiteX37" fmla="*/ 731501 w 6373761"/>
                <a:gd name="connsiteY37" fmla="*/ 2055754 h 6874714"/>
                <a:gd name="connsiteX38" fmla="*/ 531393 w 6373761"/>
                <a:gd name="connsiteY38" fmla="*/ 2342739 h 6874714"/>
                <a:gd name="connsiteX39" fmla="*/ 361033 w 6373761"/>
                <a:gd name="connsiteY39" fmla="*/ 2649046 h 6874714"/>
                <a:gd name="connsiteX40" fmla="*/ 323292 w 6373761"/>
                <a:gd name="connsiteY40" fmla="*/ 2728263 h 6874714"/>
                <a:gd name="connsiteX41" fmla="*/ 304945 w 6373761"/>
                <a:gd name="connsiteY41" fmla="*/ 2768193 h 6874714"/>
                <a:gd name="connsiteX42" fmla="*/ 287516 w 6373761"/>
                <a:gd name="connsiteY42" fmla="*/ 2808510 h 6874714"/>
                <a:gd name="connsiteX43" fmla="*/ 254230 w 6373761"/>
                <a:gd name="connsiteY43" fmla="*/ 2889788 h 6874714"/>
                <a:gd name="connsiteX44" fmla="*/ 223042 w 6373761"/>
                <a:gd name="connsiteY44" fmla="*/ 2971968 h 6874714"/>
                <a:gd name="connsiteX45" fmla="*/ 121611 w 6373761"/>
                <a:gd name="connsiteY45" fmla="*/ 3308544 h 6874714"/>
                <a:gd name="connsiteX46" fmla="*/ 39314 w 6373761"/>
                <a:gd name="connsiteY46" fmla="*/ 4005912 h 6874714"/>
                <a:gd name="connsiteX47" fmla="*/ 73910 w 6373761"/>
                <a:gd name="connsiteY47" fmla="*/ 4354081 h 6874714"/>
                <a:gd name="connsiteX48" fmla="*/ 179534 w 6373761"/>
                <a:gd name="connsiteY48" fmla="*/ 4687050 h 6874714"/>
                <a:gd name="connsiteX49" fmla="*/ 215964 w 6373761"/>
                <a:gd name="connsiteY49" fmla="*/ 4766654 h 6874714"/>
                <a:gd name="connsiteX50" fmla="*/ 256457 w 6373761"/>
                <a:gd name="connsiteY50" fmla="*/ 4844455 h 6874714"/>
                <a:gd name="connsiteX51" fmla="*/ 346225 w 6373761"/>
                <a:gd name="connsiteY51" fmla="*/ 4995290 h 6874714"/>
                <a:gd name="connsiteX52" fmla="*/ 445296 w 6373761"/>
                <a:gd name="connsiteY52" fmla="*/ 5140971 h 6874714"/>
                <a:gd name="connsiteX53" fmla="*/ 551443 w 6373761"/>
                <a:gd name="connsiteY53" fmla="*/ 5282531 h 6874714"/>
                <a:gd name="connsiteX54" fmla="*/ 772387 w 6373761"/>
                <a:gd name="connsiteY54" fmla="*/ 5562561 h 6874714"/>
                <a:gd name="connsiteX55" fmla="*/ 882858 w 6373761"/>
                <a:gd name="connsiteY55" fmla="*/ 5704507 h 6874714"/>
                <a:gd name="connsiteX56" fmla="*/ 990316 w 6373761"/>
                <a:gd name="connsiteY56" fmla="*/ 5848258 h 6874714"/>
                <a:gd name="connsiteX57" fmla="*/ 1097774 w 6373761"/>
                <a:gd name="connsiteY57" fmla="*/ 5987114 h 6874714"/>
                <a:gd name="connsiteX58" fmla="*/ 1210080 w 6373761"/>
                <a:gd name="connsiteY58" fmla="*/ 6121203 h 6874714"/>
                <a:gd name="connsiteX59" fmla="*/ 1448192 w 6373761"/>
                <a:gd name="connsiteY59" fmla="*/ 6374054 h 6874714"/>
                <a:gd name="connsiteX60" fmla="*/ 1982991 w 6373761"/>
                <a:gd name="connsiteY60" fmla="*/ 6796158 h 6874714"/>
                <a:gd name="connsiteX61" fmla="*/ 2118475 w 6373761"/>
                <a:gd name="connsiteY61" fmla="*/ 6874714 h 6874714"/>
                <a:gd name="connsiteX62" fmla="*/ 1569874 w 6373761"/>
                <a:gd name="connsiteY62" fmla="*/ 6874714 h 6874714"/>
                <a:gd name="connsiteX63" fmla="*/ 1507802 w 6373761"/>
                <a:gd name="connsiteY63" fmla="*/ 6817815 h 6874714"/>
                <a:gd name="connsiteX64" fmla="*/ 1256865 w 6373761"/>
                <a:gd name="connsiteY64" fmla="*/ 6543437 h 6874714"/>
                <a:gd name="connsiteX65" fmla="*/ 1038410 w 6373761"/>
                <a:gd name="connsiteY65" fmla="*/ 6248722 h 6874714"/>
                <a:gd name="connsiteX66" fmla="*/ 845380 w 6373761"/>
                <a:gd name="connsiteY66" fmla="*/ 5941386 h 6874714"/>
                <a:gd name="connsiteX67" fmla="*/ 755351 w 6373761"/>
                <a:gd name="connsiteY67" fmla="*/ 5788877 h 6874714"/>
                <a:gd name="connsiteX68" fmla="*/ 661784 w 6373761"/>
                <a:gd name="connsiteY68" fmla="*/ 5638944 h 6874714"/>
                <a:gd name="connsiteX69" fmla="*/ 466525 w 6373761"/>
                <a:gd name="connsiteY69" fmla="*/ 5340366 h 6874714"/>
                <a:gd name="connsiteX70" fmla="*/ 370992 w 6373761"/>
                <a:gd name="connsiteY70" fmla="*/ 5188502 h 6874714"/>
                <a:gd name="connsiteX71" fmla="*/ 280046 w 6373761"/>
                <a:gd name="connsiteY71" fmla="*/ 5033287 h 6874714"/>
                <a:gd name="connsiteX72" fmla="*/ 126853 w 6373761"/>
                <a:gd name="connsiteY72" fmla="*/ 4707660 h 6874714"/>
                <a:gd name="connsiteX73" fmla="*/ 30272 w 6373761"/>
                <a:gd name="connsiteY73" fmla="*/ 4362068 h 6874714"/>
                <a:gd name="connsiteX74" fmla="*/ 0 w 6373761"/>
                <a:gd name="connsiteY74" fmla="*/ 4005912 h 6874714"/>
                <a:gd name="connsiteX75" fmla="*/ 270480 w 6373761"/>
                <a:gd name="connsiteY75" fmla="*/ 2610532 h 6874714"/>
                <a:gd name="connsiteX76" fmla="*/ 415942 w 6373761"/>
                <a:gd name="connsiteY76" fmla="*/ 2280526 h 6874714"/>
                <a:gd name="connsiteX77" fmla="*/ 590102 w 6373761"/>
                <a:gd name="connsiteY77" fmla="*/ 1962626 h 6874714"/>
                <a:gd name="connsiteX78" fmla="*/ 1020719 w 6373761"/>
                <a:gd name="connsiteY78" fmla="*/ 1373070 h 6874714"/>
                <a:gd name="connsiteX79" fmla="*/ 1275080 w 6373761"/>
                <a:gd name="connsiteY79" fmla="*/ 1107081 h 6874714"/>
                <a:gd name="connsiteX80" fmla="*/ 1342437 w 6373761"/>
                <a:gd name="connsiteY80" fmla="*/ 1043965 h 6874714"/>
                <a:gd name="connsiteX81" fmla="*/ 1411106 w 6373761"/>
                <a:gd name="connsiteY81" fmla="*/ 982138 h 6874714"/>
                <a:gd name="connsiteX82" fmla="*/ 1553029 w 6373761"/>
                <a:gd name="connsiteY82" fmla="*/ 863376 h 6874714"/>
                <a:gd name="connsiteX83" fmla="*/ 2173401 w 6373761"/>
                <a:gd name="connsiteY83" fmla="*/ 454409 h 6874714"/>
                <a:gd name="connsiteX84" fmla="*/ 3599708 w 6373761"/>
                <a:gd name="connsiteY84" fmla="*/ 16332 h 6874714"/>
                <a:gd name="connsiteX85" fmla="*/ 3975975 w 6373761"/>
                <a:gd name="connsiteY85" fmla="*/ 263 h 68747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</a:cxnLst>
              <a:rect l="l" t="t" r="r" b="b"/>
              <a:pathLst>
                <a:path w="6373761" h="6874714">
                  <a:moveTo>
                    <a:pt x="6373761" y="5771297"/>
                  </a:moveTo>
                  <a:lnTo>
                    <a:pt x="6373761" y="6247960"/>
                  </a:lnTo>
                  <a:lnTo>
                    <a:pt x="6235932" y="6361930"/>
                  </a:lnTo>
                  <a:cubicBezTo>
                    <a:pt x="6143250" y="6437460"/>
                    <a:pt x="6051059" y="6512200"/>
                    <a:pt x="5960375" y="6587489"/>
                  </a:cubicBezTo>
                  <a:lnTo>
                    <a:pt x="5822907" y="6701871"/>
                  </a:lnTo>
                  <a:cubicBezTo>
                    <a:pt x="5776123" y="6740385"/>
                    <a:pt x="5729079" y="6778899"/>
                    <a:pt x="5681115" y="6816896"/>
                  </a:cubicBezTo>
                  <a:lnTo>
                    <a:pt x="5604096" y="6874714"/>
                  </a:lnTo>
                  <a:lnTo>
                    <a:pt x="4878485" y="6874714"/>
                  </a:lnTo>
                  <a:lnTo>
                    <a:pt x="5006014" y="6800200"/>
                  </a:lnTo>
                  <a:cubicBezTo>
                    <a:pt x="5054354" y="6770429"/>
                    <a:pt x="5102285" y="6739483"/>
                    <a:pt x="5149855" y="6707667"/>
                  </a:cubicBezTo>
                  <a:cubicBezTo>
                    <a:pt x="5244993" y="6643906"/>
                    <a:pt x="5338561" y="6576025"/>
                    <a:pt x="5431866" y="6506210"/>
                  </a:cubicBezTo>
                  <a:cubicBezTo>
                    <a:pt x="5478386" y="6471304"/>
                    <a:pt x="5524777" y="6435495"/>
                    <a:pt x="5571036" y="6399557"/>
                  </a:cubicBezTo>
                  <a:lnTo>
                    <a:pt x="5711649" y="6288912"/>
                  </a:lnTo>
                  <a:cubicBezTo>
                    <a:pt x="5902059" y="6140395"/>
                    <a:pt x="6093257" y="5998320"/>
                    <a:pt x="6276589" y="5852379"/>
                  </a:cubicBezTo>
                  <a:close/>
                  <a:moveTo>
                    <a:pt x="3975975" y="263"/>
                  </a:moveTo>
                  <a:cubicBezTo>
                    <a:pt x="4101550" y="1809"/>
                    <a:pt x="4226830" y="10149"/>
                    <a:pt x="4350473" y="24963"/>
                  </a:cubicBezTo>
                  <a:cubicBezTo>
                    <a:pt x="4598149" y="54846"/>
                    <a:pt x="4842943" y="108687"/>
                    <a:pt x="5077909" y="189450"/>
                  </a:cubicBezTo>
                  <a:cubicBezTo>
                    <a:pt x="5312876" y="269955"/>
                    <a:pt x="5537357" y="376867"/>
                    <a:pt x="5746507" y="505804"/>
                  </a:cubicBezTo>
                  <a:cubicBezTo>
                    <a:pt x="5955527" y="634999"/>
                    <a:pt x="6148688" y="786864"/>
                    <a:pt x="6322456" y="956633"/>
                  </a:cubicBezTo>
                  <a:lnTo>
                    <a:pt x="6373761" y="1011863"/>
                  </a:lnTo>
                  <a:lnTo>
                    <a:pt x="6373761" y="1185075"/>
                  </a:lnTo>
                  <a:lnTo>
                    <a:pt x="6359489" y="1169497"/>
                  </a:lnTo>
                  <a:cubicBezTo>
                    <a:pt x="6318811" y="1127602"/>
                    <a:pt x="6276917" y="1086890"/>
                    <a:pt x="6233869" y="1047442"/>
                  </a:cubicBezTo>
                  <a:cubicBezTo>
                    <a:pt x="6147509" y="968870"/>
                    <a:pt x="6056431" y="895448"/>
                    <a:pt x="5961423" y="827953"/>
                  </a:cubicBezTo>
                  <a:cubicBezTo>
                    <a:pt x="5865891" y="761102"/>
                    <a:pt x="5766688" y="699403"/>
                    <a:pt x="5663555" y="645304"/>
                  </a:cubicBezTo>
                  <a:cubicBezTo>
                    <a:pt x="5457943" y="535816"/>
                    <a:pt x="5238703" y="453894"/>
                    <a:pt x="5013827" y="397863"/>
                  </a:cubicBezTo>
                  <a:cubicBezTo>
                    <a:pt x="4788953" y="341703"/>
                    <a:pt x="4558442" y="310917"/>
                    <a:pt x="4327409" y="302545"/>
                  </a:cubicBezTo>
                  <a:cubicBezTo>
                    <a:pt x="4096111" y="293012"/>
                    <a:pt x="3867174" y="305893"/>
                    <a:pt x="3639939" y="338868"/>
                  </a:cubicBezTo>
                  <a:cubicBezTo>
                    <a:pt x="3526585" y="355999"/>
                    <a:pt x="3413885" y="377254"/>
                    <a:pt x="3302495" y="403659"/>
                  </a:cubicBezTo>
                  <a:cubicBezTo>
                    <a:pt x="3191107" y="430451"/>
                    <a:pt x="3080634" y="460978"/>
                    <a:pt x="2971604" y="496273"/>
                  </a:cubicBezTo>
                  <a:cubicBezTo>
                    <a:pt x="2862573" y="531437"/>
                    <a:pt x="2754854" y="570852"/>
                    <a:pt x="2648706" y="614389"/>
                  </a:cubicBezTo>
                  <a:cubicBezTo>
                    <a:pt x="2542690" y="658056"/>
                    <a:pt x="2438114" y="705714"/>
                    <a:pt x="2335374" y="757109"/>
                  </a:cubicBezTo>
                  <a:cubicBezTo>
                    <a:pt x="2129894" y="859769"/>
                    <a:pt x="1931228" y="976855"/>
                    <a:pt x="1741342" y="1107725"/>
                  </a:cubicBezTo>
                  <a:cubicBezTo>
                    <a:pt x="1694035" y="1140571"/>
                    <a:pt x="1646858" y="1173933"/>
                    <a:pt x="1600861" y="1208710"/>
                  </a:cubicBezTo>
                  <a:cubicBezTo>
                    <a:pt x="1577535" y="1225713"/>
                    <a:pt x="1554732" y="1243361"/>
                    <a:pt x="1531799" y="1260879"/>
                  </a:cubicBezTo>
                  <a:cubicBezTo>
                    <a:pt x="1508735" y="1278267"/>
                    <a:pt x="1486064" y="1296171"/>
                    <a:pt x="1463655" y="1314333"/>
                  </a:cubicBezTo>
                  <a:cubicBezTo>
                    <a:pt x="1373627" y="1386853"/>
                    <a:pt x="1285564" y="1462077"/>
                    <a:pt x="1200777" y="1541166"/>
                  </a:cubicBezTo>
                  <a:cubicBezTo>
                    <a:pt x="1030810" y="1698827"/>
                    <a:pt x="873161" y="1870785"/>
                    <a:pt x="731501" y="2055754"/>
                  </a:cubicBezTo>
                  <a:cubicBezTo>
                    <a:pt x="660734" y="2148239"/>
                    <a:pt x="593771" y="2243944"/>
                    <a:pt x="531393" y="2342739"/>
                  </a:cubicBezTo>
                  <a:cubicBezTo>
                    <a:pt x="470063" y="2442050"/>
                    <a:pt x="412140" y="2543810"/>
                    <a:pt x="361033" y="2649046"/>
                  </a:cubicBezTo>
                  <a:cubicBezTo>
                    <a:pt x="347798" y="2675194"/>
                    <a:pt x="335479" y="2701728"/>
                    <a:pt x="323292" y="2728263"/>
                  </a:cubicBezTo>
                  <a:lnTo>
                    <a:pt x="304945" y="2768193"/>
                  </a:lnTo>
                  <a:lnTo>
                    <a:pt x="287516" y="2808510"/>
                  </a:lnTo>
                  <a:cubicBezTo>
                    <a:pt x="276115" y="2835432"/>
                    <a:pt x="264583" y="2862352"/>
                    <a:pt x="254230" y="2889788"/>
                  </a:cubicBezTo>
                  <a:cubicBezTo>
                    <a:pt x="243877" y="2917224"/>
                    <a:pt x="232477" y="2944274"/>
                    <a:pt x="223042" y="2971968"/>
                  </a:cubicBezTo>
                  <a:cubicBezTo>
                    <a:pt x="182679" y="3081970"/>
                    <a:pt x="148475" y="3194291"/>
                    <a:pt x="121611" y="3308544"/>
                  </a:cubicBezTo>
                  <a:cubicBezTo>
                    <a:pt x="67096" y="3536534"/>
                    <a:pt x="39183" y="3771224"/>
                    <a:pt x="39314" y="4005912"/>
                  </a:cubicBezTo>
                  <a:cubicBezTo>
                    <a:pt x="39969" y="4122871"/>
                    <a:pt x="51109" y="4239571"/>
                    <a:pt x="73910" y="4354081"/>
                  </a:cubicBezTo>
                  <a:cubicBezTo>
                    <a:pt x="97892" y="4468334"/>
                    <a:pt x="132619" y="4580140"/>
                    <a:pt x="179534" y="4687050"/>
                  </a:cubicBezTo>
                  <a:cubicBezTo>
                    <a:pt x="190673" y="4713972"/>
                    <a:pt x="203647" y="4740249"/>
                    <a:pt x="215964" y="4766654"/>
                  </a:cubicBezTo>
                  <a:cubicBezTo>
                    <a:pt x="229332" y="4792674"/>
                    <a:pt x="242043" y="4818950"/>
                    <a:pt x="256457" y="4844455"/>
                  </a:cubicBezTo>
                  <a:cubicBezTo>
                    <a:pt x="283978" y="4895978"/>
                    <a:pt x="314642" y="4945956"/>
                    <a:pt x="346225" y="4995290"/>
                  </a:cubicBezTo>
                  <a:cubicBezTo>
                    <a:pt x="377676" y="5044752"/>
                    <a:pt x="411355" y="5092926"/>
                    <a:pt x="445296" y="5140971"/>
                  </a:cubicBezTo>
                  <a:cubicBezTo>
                    <a:pt x="479760" y="5188630"/>
                    <a:pt x="515537" y="5235645"/>
                    <a:pt x="551443" y="5282531"/>
                  </a:cubicBezTo>
                  <a:cubicBezTo>
                    <a:pt x="623387" y="5376434"/>
                    <a:pt x="698608" y="5468402"/>
                    <a:pt x="772387" y="5562561"/>
                  </a:cubicBezTo>
                  <a:cubicBezTo>
                    <a:pt x="809472" y="5609448"/>
                    <a:pt x="846428" y="5656719"/>
                    <a:pt x="882858" y="5704507"/>
                  </a:cubicBezTo>
                  <a:cubicBezTo>
                    <a:pt x="919159" y="5751909"/>
                    <a:pt x="955196" y="5802273"/>
                    <a:pt x="990316" y="5848258"/>
                  </a:cubicBezTo>
                  <a:cubicBezTo>
                    <a:pt x="1025175" y="5895402"/>
                    <a:pt x="1061736" y="5941129"/>
                    <a:pt x="1097774" y="5987114"/>
                  </a:cubicBezTo>
                  <a:cubicBezTo>
                    <a:pt x="1134860" y="6032326"/>
                    <a:pt x="1171684" y="6077536"/>
                    <a:pt x="1210080" y="6121203"/>
                  </a:cubicBezTo>
                  <a:cubicBezTo>
                    <a:pt x="1286350" y="6209051"/>
                    <a:pt x="1365632" y="6293677"/>
                    <a:pt x="1448192" y="6374054"/>
                  </a:cubicBezTo>
                  <a:cubicBezTo>
                    <a:pt x="1613572" y="6534420"/>
                    <a:pt x="1792057" y="6677526"/>
                    <a:pt x="1982991" y="6796158"/>
                  </a:cubicBezTo>
                  <a:lnTo>
                    <a:pt x="2118475" y="6874714"/>
                  </a:lnTo>
                  <a:lnTo>
                    <a:pt x="1569874" y="6874714"/>
                  </a:lnTo>
                  <a:lnTo>
                    <a:pt x="1507802" y="6817815"/>
                  </a:lnTo>
                  <a:cubicBezTo>
                    <a:pt x="1418412" y="6730595"/>
                    <a:pt x="1334903" y="6638562"/>
                    <a:pt x="1256865" y="6543437"/>
                  </a:cubicBezTo>
                  <a:cubicBezTo>
                    <a:pt x="1179155" y="6447861"/>
                    <a:pt x="1106817" y="6349194"/>
                    <a:pt x="1038410" y="6248722"/>
                  </a:cubicBezTo>
                  <a:cubicBezTo>
                    <a:pt x="969873" y="6148253"/>
                    <a:pt x="905922" y="6045592"/>
                    <a:pt x="845380" y="5941386"/>
                  </a:cubicBezTo>
                  <a:cubicBezTo>
                    <a:pt x="814453" y="5888704"/>
                    <a:pt x="786147" y="5839370"/>
                    <a:pt x="755351" y="5788877"/>
                  </a:cubicBezTo>
                  <a:cubicBezTo>
                    <a:pt x="724817" y="5738771"/>
                    <a:pt x="693760" y="5688665"/>
                    <a:pt x="661784" y="5638944"/>
                  </a:cubicBezTo>
                  <a:lnTo>
                    <a:pt x="466525" y="5340366"/>
                  </a:lnTo>
                  <a:cubicBezTo>
                    <a:pt x="434156" y="5290131"/>
                    <a:pt x="402181" y="5239639"/>
                    <a:pt x="370992" y="5188502"/>
                  </a:cubicBezTo>
                  <a:cubicBezTo>
                    <a:pt x="339803" y="5137364"/>
                    <a:pt x="308876" y="5086099"/>
                    <a:pt x="280046" y="5033287"/>
                  </a:cubicBezTo>
                  <a:cubicBezTo>
                    <a:pt x="222255" y="4928179"/>
                    <a:pt x="169181" y="4819982"/>
                    <a:pt x="126853" y="4707660"/>
                  </a:cubicBezTo>
                  <a:cubicBezTo>
                    <a:pt x="83739" y="4595725"/>
                    <a:pt x="51764" y="4479670"/>
                    <a:pt x="30272" y="4362068"/>
                  </a:cubicBezTo>
                  <a:cubicBezTo>
                    <a:pt x="9698" y="4244466"/>
                    <a:pt x="0" y="4125060"/>
                    <a:pt x="0" y="4005912"/>
                  </a:cubicBezTo>
                  <a:cubicBezTo>
                    <a:pt x="1704" y="3530867"/>
                    <a:pt x="95140" y="3057110"/>
                    <a:pt x="270480" y="2610532"/>
                  </a:cubicBezTo>
                  <a:cubicBezTo>
                    <a:pt x="314511" y="2498984"/>
                    <a:pt x="362212" y="2388466"/>
                    <a:pt x="415942" y="2280526"/>
                  </a:cubicBezTo>
                  <a:cubicBezTo>
                    <a:pt x="468884" y="2172197"/>
                    <a:pt x="527199" y="2066188"/>
                    <a:pt x="590102" y="1962626"/>
                  </a:cubicBezTo>
                  <a:cubicBezTo>
                    <a:pt x="716037" y="1755631"/>
                    <a:pt x="859794" y="1557653"/>
                    <a:pt x="1020719" y="1373070"/>
                  </a:cubicBezTo>
                  <a:cubicBezTo>
                    <a:pt x="1101575" y="1281101"/>
                    <a:pt x="1185969" y="1191838"/>
                    <a:pt x="1275080" y="1107081"/>
                  </a:cubicBezTo>
                  <a:cubicBezTo>
                    <a:pt x="1297227" y="1085699"/>
                    <a:pt x="1319504" y="1064575"/>
                    <a:pt x="1342437" y="1043965"/>
                  </a:cubicBezTo>
                  <a:cubicBezTo>
                    <a:pt x="1365240" y="1023226"/>
                    <a:pt x="1387648" y="1002102"/>
                    <a:pt x="1411106" y="982138"/>
                  </a:cubicBezTo>
                  <a:cubicBezTo>
                    <a:pt x="1457497" y="941563"/>
                    <a:pt x="1505065" y="902276"/>
                    <a:pt x="1553029" y="863376"/>
                  </a:cubicBezTo>
                  <a:cubicBezTo>
                    <a:pt x="1745798" y="708806"/>
                    <a:pt x="1954030" y="571882"/>
                    <a:pt x="2173401" y="454409"/>
                  </a:cubicBezTo>
                  <a:cubicBezTo>
                    <a:pt x="2612013" y="219334"/>
                    <a:pt x="3099505" y="65666"/>
                    <a:pt x="3599708" y="16332"/>
                  </a:cubicBezTo>
                  <a:cubicBezTo>
                    <a:pt x="3724530" y="3966"/>
                    <a:pt x="3850400" y="-1283"/>
                    <a:pt x="3975975" y="263"/>
                  </a:cubicBezTo>
                  <a:close/>
                </a:path>
              </a:pathLst>
            </a:custGeom>
            <a:gradFill>
              <a:gsLst>
                <a:gs pos="2000">
                  <a:schemeClr val="bg1">
                    <a:alpha val="10000"/>
                  </a:schemeClr>
                </a:gs>
                <a:gs pos="16000">
                  <a:schemeClr val="accent6">
                    <a:alpha val="10000"/>
                  </a:schemeClr>
                </a:gs>
                <a:gs pos="100000">
                  <a:schemeClr val="bg1">
                    <a:alpha val="10000"/>
                  </a:schemeClr>
                </a:gs>
                <a:gs pos="85000">
                  <a:schemeClr val="accent1">
                    <a:alpha val="10000"/>
                  </a:schemeClr>
                </a:gs>
              </a:gsLst>
              <a:lin ang="1200000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1023DD2-2E6F-4419-B404-80F08460BEA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5865276" y="313387"/>
              <a:ext cx="6326724" cy="6561326"/>
            </a:xfrm>
            <a:custGeom>
              <a:avLst/>
              <a:gdLst>
                <a:gd name="connsiteX0" fmla="*/ 6326724 w 6326724"/>
                <a:gd name="connsiteY0" fmla="*/ 5020808 h 6561326"/>
                <a:gd name="connsiteX1" fmla="*/ 6326724 w 6326724"/>
                <a:gd name="connsiteY1" fmla="*/ 5698632 h 6561326"/>
                <a:gd name="connsiteX2" fmla="*/ 6067438 w 6326724"/>
                <a:gd name="connsiteY2" fmla="*/ 5902509 h 6561326"/>
                <a:gd name="connsiteX3" fmla="*/ 5799974 w 6326724"/>
                <a:gd name="connsiteY3" fmla="*/ 6102017 h 6561326"/>
                <a:gd name="connsiteX4" fmla="*/ 5665258 w 6326724"/>
                <a:gd name="connsiteY4" fmla="*/ 6202100 h 6561326"/>
                <a:gd name="connsiteX5" fmla="*/ 5526873 w 6326724"/>
                <a:gd name="connsiteY5" fmla="*/ 6302828 h 6561326"/>
                <a:gd name="connsiteX6" fmla="*/ 5385080 w 6326724"/>
                <a:gd name="connsiteY6" fmla="*/ 6402268 h 6561326"/>
                <a:gd name="connsiteX7" fmla="*/ 5238833 w 6326724"/>
                <a:gd name="connsiteY7" fmla="*/ 6498875 h 6561326"/>
                <a:gd name="connsiteX8" fmla="*/ 5138040 w 6326724"/>
                <a:gd name="connsiteY8" fmla="*/ 6561326 h 6561326"/>
                <a:gd name="connsiteX9" fmla="*/ 3946072 w 6326724"/>
                <a:gd name="connsiteY9" fmla="*/ 6561326 h 6561326"/>
                <a:gd name="connsiteX10" fmla="*/ 3976009 w 6326724"/>
                <a:gd name="connsiteY10" fmla="*/ 6555242 h 6561326"/>
                <a:gd name="connsiteX11" fmla="*/ 4404855 w 6326724"/>
                <a:gd name="connsiteY11" fmla="*/ 6399048 h 6561326"/>
                <a:gd name="connsiteX12" fmla="*/ 4938868 w 6326724"/>
                <a:gd name="connsiteY12" fmla="*/ 6072132 h 6561326"/>
                <a:gd name="connsiteX13" fmla="*/ 5068342 w 6326724"/>
                <a:gd name="connsiteY13" fmla="*/ 5976042 h 6561326"/>
                <a:gd name="connsiteX14" fmla="*/ 5197816 w 6326724"/>
                <a:gd name="connsiteY14" fmla="*/ 5876730 h 6561326"/>
                <a:gd name="connsiteX15" fmla="*/ 5460039 w 6326724"/>
                <a:gd name="connsiteY15" fmla="*/ 5670637 h 6561326"/>
                <a:gd name="connsiteX16" fmla="*/ 5999033 w 6326724"/>
                <a:gd name="connsiteY16" fmla="*/ 5271718 h 6561326"/>
                <a:gd name="connsiteX17" fmla="*/ 6258766 w 6326724"/>
                <a:gd name="connsiteY17" fmla="*/ 5077603 h 6561326"/>
                <a:gd name="connsiteX18" fmla="*/ 4139342 w 6326724"/>
                <a:gd name="connsiteY18" fmla="*/ 440 h 6561326"/>
                <a:gd name="connsiteX19" fmla="*/ 4315744 w 6326724"/>
                <a:gd name="connsiteY19" fmla="*/ 6808 h 6561326"/>
                <a:gd name="connsiteX20" fmla="*/ 5015400 w 6326724"/>
                <a:gd name="connsiteY20" fmla="*/ 113591 h 6561326"/>
                <a:gd name="connsiteX21" fmla="*/ 5681114 w 6326724"/>
                <a:gd name="connsiteY21" fmla="*/ 361418 h 6561326"/>
                <a:gd name="connsiteX22" fmla="*/ 6270952 w 6326724"/>
                <a:gd name="connsiteY22" fmla="*/ 755441 h 6561326"/>
                <a:gd name="connsiteX23" fmla="*/ 6326724 w 6326724"/>
                <a:gd name="connsiteY23" fmla="*/ 807432 h 6561326"/>
                <a:gd name="connsiteX24" fmla="*/ 6326724 w 6326724"/>
                <a:gd name="connsiteY24" fmla="*/ 1231565 h 6561326"/>
                <a:gd name="connsiteX25" fmla="*/ 6302093 w 6326724"/>
                <a:gd name="connsiteY25" fmla="*/ 1203002 h 6561326"/>
                <a:gd name="connsiteX26" fmla="*/ 6066914 w 6326724"/>
                <a:gd name="connsiteY26" fmla="*/ 989616 h 6561326"/>
                <a:gd name="connsiteX27" fmla="*/ 5533688 w 6326724"/>
                <a:gd name="connsiteY27" fmla="*/ 647242 h 6561326"/>
                <a:gd name="connsiteX28" fmla="*/ 4933626 w 6326724"/>
                <a:gd name="connsiteY28" fmla="*/ 432262 h 6561326"/>
                <a:gd name="connsiteX29" fmla="*/ 4296873 w 6326724"/>
                <a:gd name="connsiteY29" fmla="*/ 343126 h 6561326"/>
                <a:gd name="connsiteX30" fmla="*/ 3651602 w 6326724"/>
                <a:gd name="connsiteY30" fmla="*/ 365797 h 6561326"/>
                <a:gd name="connsiteX31" fmla="*/ 3018256 w 6326724"/>
                <a:gd name="connsiteY31" fmla="*/ 496666 h 6561326"/>
                <a:gd name="connsiteX32" fmla="*/ 2412429 w 6326724"/>
                <a:gd name="connsiteY32" fmla="*/ 724399 h 6561326"/>
                <a:gd name="connsiteX33" fmla="*/ 1329857 w 6326724"/>
                <a:gd name="connsiteY33" fmla="*/ 1424086 h 6561326"/>
                <a:gd name="connsiteX34" fmla="*/ 887314 w 6326724"/>
                <a:gd name="connsiteY34" fmla="*/ 1891015 h 6561326"/>
                <a:gd name="connsiteX35" fmla="*/ 537420 w 6326724"/>
                <a:gd name="connsiteY35" fmla="*/ 2427245 h 6561326"/>
                <a:gd name="connsiteX36" fmla="*/ 299965 w 6326724"/>
                <a:gd name="connsiteY36" fmla="*/ 3020021 h 6561326"/>
                <a:gd name="connsiteX37" fmla="*/ 213606 w 6326724"/>
                <a:gd name="connsiteY37" fmla="*/ 3651953 h 6561326"/>
                <a:gd name="connsiteX38" fmla="*/ 250036 w 6326724"/>
                <a:gd name="connsiteY38" fmla="*/ 3961352 h 6561326"/>
                <a:gd name="connsiteX39" fmla="*/ 357625 w 6326724"/>
                <a:gd name="connsiteY39" fmla="*/ 4250783 h 6561326"/>
                <a:gd name="connsiteX40" fmla="*/ 432715 w 6326724"/>
                <a:gd name="connsiteY40" fmla="*/ 4387063 h 6561326"/>
                <a:gd name="connsiteX41" fmla="*/ 518943 w 6326724"/>
                <a:gd name="connsiteY41" fmla="*/ 4518962 h 6561326"/>
                <a:gd name="connsiteX42" fmla="*/ 718133 w 6326724"/>
                <a:gd name="connsiteY42" fmla="*/ 4773874 h 6561326"/>
                <a:gd name="connsiteX43" fmla="*/ 933704 w 6326724"/>
                <a:gd name="connsiteY43" fmla="*/ 5030717 h 6561326"/>
                <a:gd name="connsiteX44" fmla="*/ 1040900 w 6326724"/>
                <a:gd name="connsiteY44" fmla="*/ 5164806 h 6561326"/>
                <a:gd name="connsiteX45" fmla="*/ 1092401 w 6326724"/>
                <a:gd name="connsiteY45" fmla="*/ 5230628 h 6561326"/>
                <a:gd name="connsiteX46" fmla="*/ 1142854 w 6326724"/>
                <a:gd name="connsiteY46" fmla="*/ 5293615 h 6561326"/>
                <a:gd name="connsiteX47" fmla="*/ 1576354 w 6326724"/>
                <a:gd name="connsiteY47" fmla="*/ 5759128 h 6561326"/>
                <a:gd name="connsiteX48" fmla="*/ 1806865 w 6326724"/>
                <a:gd name="connsiteY48" fmla="*/ 5968571 h 6561326"/>
                <a:gd name="connsiteX49" fmla="*/ 2048253 w 6326724"/>
                <a:gd name="connsiteY49" fmla="*/ 6161654 h 6561326"/>
                <a:gd name="connsiteX50" fmla="*/ 2587506 w 6326724"/>
                <a:gd name="connsiteY50" fmla="*/ 6467059 h 6561326"/>
                <a:gd name="connsiteX51" fmla="*/ 2889176 w 6326724"/>
                <a:gd name="connsiteY51" fmla="*/ 6553360 h 6561326"/>
                <a:gd name="connsiteX52" fmla="*/ 2929698 w 6326724"/>
                <a:gd name="connsiteY52" fmla="*/ 6561326 h 6561326"/>
                <a:gd name="connsiteX53" fmla="*/ 1816374 w 6326724"/>
                <a:gd name="connsiteY53" fmla="*/ 6561326 h 6561326"/>
                <a:gd name="connsiteX54" fmla="*/ 1787601 w 6326724"/>
                <a:gd name="connsiteY54" fmla="*/ 6545761 h 6561326"/>
                <a:gd name="connsiteX55" fmla="*/ 1225544 w 6326724"/>
                <a:gd name="connsiteY55" fmla="*/ 6094158 h 6561326"/>
                <a:gd name="connsiteX56" fmla="*/ 997654 w 6326724"/>
                <a:gd name="connsiteY56" fmla="*/ 5822374 h 6561326"/>
                <a:gd name="connsiteX57" fmla="*/ 798596 w 6326724"/>
                <a:gd name="connsiteY57" fmla="*/ 5534615 h 6561326"/>
                <a:gd name="connsiteX58" fmla="*/ 752075 w 6326724"/>
                <a:gd name="connsiteY58" fmla="*/ 5461324 h 6561326"/>
                <a:gd name="connsiteX59" fmla="*/ 707650 w 6326724"/>
                <a:gd name="connsiteY59" fmla="*/ 5390221 h 6561326"/>
                <a:gd name="connsiteX60" fmla="*/ 619980 w 6326724"/>
                <a:gd name="connsiteY60" fmla="*/ 5252396 h 6561326"/>
                <a:gd name="connsiteX61" fmla="*/ 438349 w 6326724"/>
                <a:gd name="connsiteY61" fmla="*/ 4970822 h 6561326"/>
                <a:gd name="connsiteX62" fmla="*/ 261044 w 6326724"/>
                <a:gd name="connsiteY62" fmla="*/ 4673145 h 6561326"/>
                <a:gd name="connsiteX63" fmla="*/ 181107 w 6326724"/>
                <a:gd name="connsiteY63" fmla="*/ 4515356 h 6561326"/>
                <a:gd name="connsiteX64" fmla="*/ 113224 w 6326724"/>
                <a:gd name="connsiteY64" fmla="*/ 4350223 h 6561326"/>
                <a:gd name="connsiteX65" fmla="*/ 61199 w 6326724"/>
                <a:gd name="connsiteY65" fmla="*/ 4178908 h 6561326"/>
                <a:gd name="connsiteX66" fmla="*/ 41804 w 6326724"/>
                <a:gd name="connsiteY66" fmla="*/ 4091577 h 6561326"/>
                <a:gd name="connsiteX67" fmla="*/ 33287 w 6326724"/>
                <a:gd name="connsiteY67" fmla="*/ 4047781 h 6561326"/>
                <a:gd name="connsiteX68" fmla="*/ 26209 w 6326724"/>
                <a:gd name="connsiteY68" fmla="*/ 4003858 h 6561326"/>
                <a:gd name="connsiteX69" fmla="*/ 0 w 6326724"/>
                <a:gd name="connsiteY69" fmla="*/ 3651953 h 6561326"/>
                <a:gd name="connsiteX70" fmla="*/ 72731 w 6326724"/>
                <a:gd name="connsiteY70" fmla="*/ 2966307 h 6561326"/>
                <a:gd name="connsiteX71" fmla="*/ 291316 w 6326724"/>
                <a:gd name="connsiteY71" fmla="*/ 2309385 h 6561326"/>
                <a:gd name="connsiteX72" fmla="*/ 1110878 w 6326724"/>
                <a:gd name="connsiteY72" fmla="*/ 1193776 h 6561326"/>
                <a:gd name="connsiteX73" fmla="*/ 1654327 w 6326724"/>
                <a:gd name="connsiteY73" fmla="*/ 756730 h 6561326"/>
                <a:gd name="connsiteX74" fmla="*/ 2261727 w 6326724"/>
                <a:gd name="connsiteY74" fmla="*/ 409720 h 6561326"/>
                <a:gd name="connsiteX75" fmla="*/ 3610060 w 6326724"/>
                <a:gd name="connsiteY75" fmla="*/ 27032 h 6561326"/>
                <a:gd name="connsiteX76" fmla="*/ 4139342 w 6326724"/>
                <a:gd name="connsiteY76" fmla="*/ 440 h 65613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</a:cxnLst>
              <a:rect l="l" t="t" r="r" b="b"/>
              <a:pathLst>
                <a:path w="6326724" h="6561326">
                  <a:moveTo>
                    <a:pt x="6326724" y="5020808"/>
                  </a:moveTo>
                  <a:lnTo>
                    <a:pt x="6326724" y="5698632"/>
                  </a:lnTo>
                  <a:lnTo>
                    <a:pt x="6067438" y="5902509"/>
                  </a:lnTo>
                  <a:cubicBezTo>
                    <a:pt x="5977868" y="5970407"/>
                    <a:pt x="5888364" y="6036453"/>
                    <a:pt x="5799974" y="6102017"/>
                  </a:cubicBezTo>
                  <a:lnTo>
                    <a:pt x="5665258" y="6202100"/>
                  </a:lnTo>
                  <a:cubicBezTo>
                    <a:pt x="5619654" y="6235719"/>
                    <a:pt x="5573656" y="6269596"/>
                    <a:pt x="5526873" y="6302828"/>
                  </a:cubicBezTo>
                  <a:cubicBezTo>
                    <a:pt x="5480220" y="6336189"/>
                    <a:pt x="5433044" y="6369423"/>
                    <a:pt x="5385080" y="6402268"/>
                  </a:cubicBezTo>
                  <a:cubicBezTo>
                    <a:pt x="5336988" y="6434857"/>
                    <a:pt x="5288500" y="6467187"/>
                    <a:pt x="5238833" y="6498875"/>
                  </a:cubicBezTo>
                  <a:lnTo>
                    <a:pt x="5138040" y="6561326"/>
                  </a:lnTo>
                  <a:lnTo>
                    <a:pt x="3946072" y="6561326"/>
                  </a:lnTo>
                  <a:lnTo>
                    <a:pt x="3976009" y="6555242"/>
                  </a:lnTo>
                  <a:cubicBezTo>
                    <a:pt x="4123712" y="6519227"/>
                    <a:pt x="4266863" y="6466383"/>
                    <a:pt x="4404855" y="6399048"/>
                  </a:cubicBezTo>
                  <a:cubicBezTo>
                    <a:pt x="4589500" y="6310299"/>
                    <a:pt x="4765232" y="6196690"/>
                    <a:pt x="4938868" y="6072132"/>
                  </a:cubicBezTo>
                  <a:cubicBezTo>
                    <a:pt x="4982245" y="6041089"/>
                    <a:pt x="5025359" y="6008630"/>
                    <a:pt x="5068342" y="5976042"/>
                  </a:cubicBezTo>
                  <a:cubicBezTo>
                    <a:pt x="5111588" y="5943453"/>
                    <a:pt x="5154702" y="5910349"/>
                    <a:pt x="5197816" y="5876730"/>
                  </a:cubicBezTo>
                  <a:lnTo>
                    <a:pt x="5460039" y="5670637"/>
                  </a:lnTo>
                  <a:cubicBezTo>
                    <a:pt x="5639966" y="5530365"/>
                    <a:pt x="5821596" y="5399753"/>
                    <a:pt x="5999033" y="5271718"/>
                  </a:cubicBezTo>
                  <a:cubicBezTo>
                    <a:pt x="6087686" y="5207700"/>
                    <a:pt x="6174667" y="5143360"/>
                    <a:pt x="6258766" y="5077603"/>
                  </a:cubicBezTo>
                  <a:close/>
                  <a:moveTo>
                    <a:pt x="4139342" y="440"/>
                  </a:moveTo>
                  <a:cubicBezTo>
                    <a:pt x="4198237" y="1301"/>
                    <a:pt x="4257068" y="3427"/>
                    <a:pt x="4315744" y="6808"/>
                  </a:cubicBezTo>
                  <a:cubicBezTo>
                    <a:pt x="4550841" y="20849"/>
                    <a:pt x="4785806" y="55240"/>
                    <a:pt x="5015400" y="113591"/>
                  </a:cubicBezTo>
                  <a:cubicBezTo>
                    <a:pt x="5244992" y="171812"/>
                    <a:pt x="5469212" y="254249"/>
                    <a:pt x="5681114" y="361418"/>
                  </a:cubicBezTo>
                  <a:cubicBezTo>
                    <a:pt x="5892754" y="468586"/>
                    <a:pt x="6093124" y="599584"/>
                    <a:pt x="6270952" y="755441"/>
                  </a:cubicBezTo>
                  <a:lnTo>
                    <a:pt x="6326724" y="807432"/>
                  </a:lnTo>
                  <a:lnTo>
                    <a:pt x="6326724" y="1231565"/>
                  </a:lnTo>
                  <a:lnTo>
                    <a:pt x="6302093" y="1203002"/>
                  </a:lnTo>
                  <a:cubicBezTo>
                    <a:pt x="6227937" y="1127247"/>
                    <a:pt x="6149211" y="1056081"/>
                    <a:pt x="6066914" y="989616"/>
                  </a:cubicBezTo>
                  <a:cubicBezTo>
                    <a:pt x="5902714" y="856299"/>
                    <a:pt x="5724360" y="740371"/>
                    <a:pt x="5533688" y="647242"/>
                  </a:cubicBezTo>
                  <a:cubicBezTo>
                    <a:pt x="5343146" y="553857"/>
                    <a:pt x="5141466" y="482239"/>
                    <a:pt x="4933626" y="432262"/>
                  </a:cubicBezTo>
                  <a:cubicBezTo>
                    <a:pt x="4725788" y="382156"/>
                    <a:pt x="4512182" y="353303"/>
                    <a:pt x="4296873" y="343126"/>
                  </a:cubicBezTo>
                  <a:cubicBezTo>
                    <a:pt x="4081172" y="332435"/>
                    <a:pt x="3865732" y="339520"/>
                    <a:pt x="3651602" y="365797"/>
                  </a:cubicBezTo>
                  <a:cubicBezTo>
                    <a:pt x="3437604" y="392202"/>
                    <a:pt x="3225572" y="436384"/>
                    <a:pt x="3018256" y="496666"/>
                  </a:cubicBezTo>
                  <a:cubicBezTo>
                    <a:pt x="2810809" y="556691"/>
                    <a:pt x="2608474" y="634362"/>
                    <a:pt x="2412429" y="724399"/>
                  </a:cubicBezTo>
                  <a:cubicBezTo>
                    <a:pt x="2019160" y="902541"/>
                    <a:pt x="1651969" y="1138775"/>
                    <a:pt x="1329857" y="1424086"/>
                  </a:cubicBezTo>
                  <a:cubicBezTo>
                    <a:pt x="1169326" y="1567192"/>
                    <a:pt x="1020588" y="1723307"/>
                    <a:pt x="887314" y="1891015"/>
                  </a:cubicBezTo>
                  <a:cubicBezTo>
                    <a:pt x="753778" y="2058466"/>
                    <a:pt x="635967" y="2238026"/>
                    <a:pt x="537420" y="2427245"/>
                  </a:cubicBezTo>
                  <a:cubicBezTo>
                    <a:pt x="438874" y="2616335"/>
                    <a:pt x="356839" y="2814313"/>
                    <a:pt x="299965" y="3020021"/>
                  </a:cubicBezTo>
                  <a:cubicBezTo>
                    <a:pt x="242961" y="3225212"/>
                    <a:pt x="213474" y="3438518"/>
                    <a:pt x="213606" y="3651953"/>
                  </a:cubicBezTo>
                  <a:cubicBezTo>
                    <a:pt x="214785" y="3756804"/>
                    <a:pt x="225269" y="3860881"/>
                    <a:pt x="250036" y="3961352"/>
                  </a:cubicBezTo>
                  <a:cubicBezTo>
                    <a:pt x="274412" y="4061950"/>
                    <a:pt x="312284" y="4158171"/>
                    <a:pt x="357625" y="4250783"/>
                  </a:cubicBezTo>
                  <a:cubicBezTo>
                    <a:pt x="380558" y="4297025"/>
                    <a:pt x="405982" y="4342366"/>
                    <a:pt x="432715" y="4387063"/>
                  </a:cubicBezTo>
                  <a:cubicBezTo>
                    <a:pt x="459841" y="4431630"/>
                    <a:pt x="488803" y="4475554"/>
                    <a:pt x="518943" y="4518962"/>
                  </a:cubicBezTo>
                  <a:cubicBezTo>
                    <a:pt x="580011" y="4605521"/>
                    <a:pt x="647893" y="4689504"/>
                    <a:pt x="718133" y="4773874"/>
                  </a:cubicBezTo>
                  <a:cubicBezTo>
                    <a:pt x="788374" y="4858372"/>
                    <a:pt x="861760" y="4942871"/>
                    <a:pt x="933704" y="5030717"/>
                  </a:cubicBezTo>
                  <a:cubicBezTo>
                    <a:pt x="969742" y="5074512"/>
                    <a:pt x="1005387" y="5119337"/>
                    <a:pt x="1040900" y="5164806"/>
                  </a:cubicBezTo>
                  <a:lnTo>
                    <a:pt x="1092401" y="5230628"/>
                  </a:lnTo>
                  <a:cubicBezTo>
                    <a:pt x="1109306" y="5251624"/>
                    <a:pt x="1125425" y="5273135"/>
                    <a:pt x="1142854" y="5293615"/>
                  </a:cubicBezTo>
                  <a:cubicBezTo>
                    <a:pt x="1278880" y="5460293"/>
                    <a:pt x="1426438" y="5613704"/>
                    <a:pt x="1576354" y="5759128"/>
                  </a:cubicBezTo>
                  <a:cubicBezTo>
                    <a:pt x="1651706" y="5831519"/>
                    <a:pt x="1728368" y="5901461"/>
                    <a:pt x="1806865" y="5968571"/>
                  </a:cubicBezTo>
                  <a:cubicBezTo>
                    <a:pt x="1885362" y="6035680"/>
                    <a:pt x="1965299" y="6100599"/>
                    <a:pt x="2048253" y="6161654"/>
                  </a:cubicBezTo>
                  <a:cubicBezTo>
                    <a:pt x="2213502" y="6284022"/>
                    <a:pt x="2391724" y="6393380"/>
                    <a:pt x="2587506" y="6467059"/>
                  </a:cubicBezTo>
                  <a:cubicBezTo>
                    <a:pt x="2685137" y="6503898"/>
                    <a:pt x="2786304" y="6532106"/>
                    <a:pt x="2889176" y="6553360"/>
                  </a:cubicBezTo>
                  <a:lnTo>
                    <a:pt x="2929698" y="6561326"/>
                  </a:lnTo>
                  <a:lnTo>
                    <a:pt x="1816374" y="6561326"/>
                  </a:lnTo>
                  <a:lnTo>
                    <a:pt x="1787601" y="6545761"/>
                  </a:lnTo>
                  <a:cubicBezTo>
                    <a:pt x="1577272" y="6422749"/>
                    <a:pt x="1389483" y="6266761"/>
                    <a:pt x="1225544" y="6094158"/>
                  </a:cubicBezTo>
                  <a:cubicBezTo>
                    <a:pt x="1143116" y="6007986"/>
                    <a:pt x="1068158" y="5916274"/>
                    <a:pt x="997654" y="5822374"/>
                  </a:cubicBezTo>
                  <a:cubicBezTo>
                    <a:pt x="927546" y="5728086"/>
                    <a:pt x="860842" y="5632381"/>
                    <a:pt x="798596" y="5534615"/>
                  </a:cubicBezTo>
                  <a:cubicBezTo>
                    <a:pt x="782608" y="5510399"/>
                    <a:pt x="767537" y="5485797"/>
                    <a:pt x="752075" y="5461324"/>
                  </a:cubicBezTo>
                  <a:lnTo>
                    <a:pt x="707650" y="5390221"/>
                  </a:lnTo>
                  <a:cubicBezTo>
                    <a:pt x="679213" y="5344237"/>
                    <a:pt x="649728" y="5298638"/>
                    <a:pt x="619980" y="5252396"/>
                  </a:cubicBezTo>
                  <a:lnTo>
                    <a:pt x="438349" y="4970822"/>
                  </a:lnTo>
                  <a:cubicBezTo>
                    <a:pt x="377413" y="4874860"/>
                    <a:pt x="317263" y="4776064"/>
                    <a:pt x="261044" y="4673145"/>
                  </a:cubicBezTo>
                  <a:cubicBezTo>
                    <a:pt x="233000" y="4621622"/>
                    <a:pt x="205874" y="4569197"/>
                    <a:pt x="181107" y="4515356"/>
                  </a:cubicBezTo>
                  <a:cubicBezTo>
                    <a:pt x="156470" y="4461385"/>
                    <a:pt x="133537" y="4406385"/>
                    <a:pt x="113224" y="4350223"/>
                  </a:cubicBezTo>
                  <a:cubicBezTo>
                    <a:pt x="93305" y="4293934"/>
                    <a:pt x="75614" y="4236872"/>
                    <a:pt x="61199" y="4178908"/>
                  </a:cubicBezTo>
                  <a:cubicBezTo>
                    <a:pt x="54385" y="4149927"/>
                    <a:pt x="47440" y="4120815"/>
                    <a:pt x="41804" y="4091577"/>
                  </a:cubicBezTo>
                  <a:lnTo>
                    <a:pt x="33287" y="4047781"/>
                  </a:lnTo>
                  <a:lnTo>
                    <a:pt x="26209" y="4003858"/>
                  </a:lnTo>
                  <a:cubicBezTo>
                    <a:pt x="7732" y="3886643"/>
                    <a:pt x="0" y="3768783"/>
                    <a:pt x="0" y="3651953"/>
                  </a:cubicBezTo>
                  <a:cubicBezTo>
                    <a:pt x="524" y="3422031"/>
                    <a:pt x="25030" y="3192109"/>
                    <a:pt x="72731" y="2966307"/>
                  </a:cubicBezTo>
                  <a:cubicBezTo>
                    <a:pt x="120301" y="2740634"/>
                    <a:pt x="193163" y="2519343"/>
                    <a:pt x="291316" y="2309385"/>
                  </a:cubicBezTo>
                  <a:cubicBezTo>
                    <a:pt x="488540" y="1889469"/>
                    <a:pt x="774352" y="1513736"/>
                    <a:pt x="1110878" y="1193776"/>
                  </a:cubicBezTo>
                  <a:cubicBezTo>
                    <a:pt x="1279535" y="1033797"/>
                    <a:pt x="1461821" y="887856"/>
                    <a:pt x="1654327" y="756730"/>
                  </a:cubicBezTo>
                  <a:cubicBezTo>
                    <a:pt x="1847096" y="625732"/>
                    <a:pt x="2049956" y="509031"/>
                    <a:pt x="2261727" y="409720"/>
                  </a:cubicBezTo>
                  <a:cubicBezTo>
                    <a:pt x="2685792" y="212515"/>
                    <a:pt x="3142357" y="82162"/>
                    <a:pt x="3610060" y="27032"/>
                  </a:cubicBezTo>
                  <a:cubicBezTo>
                    <a:pt x="3785399" y="6647"/>
                    <a:pt x="3962657" y="-2144"/>
                    <a:pt x="4139342" y="440"/>
                  </a:cubicBezTo>
                  <a:close/>
                </a:path>
              </a:pathLst>
            </a:custGeom>
            <a:gradFill>
              <a:gsLst>
                <a:gs pos="2000">
                  <a:schemeClr val="bg1">
                    <a:alpha val="10000"/>
                  </a:schemeClr>
                </a:gs>
                <a:gs pos="16000">
                  <a:schemeClr val="accent6">
                    <a:alpha val="10000"/>
                  </a:schemeClr>
                </a:gs>
                <a:gs pos="100000">
                  <a:schemeClr val="bg1">
                    <a:alpha val="10000"/>
                  </a:schemeClr>
                </a:gs>
                <a:gs pos="85000">
                  <a:schemeClr val="accent1">
                    <a:alpha val="10000"/>
                  </a:schemeClr>
                </a:gs>
              </a:gsLst>
              <a:lin ang="1200000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BC4A6C98-F96E-4587-B01F-A9B01BBFAD0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5870322" y="353119"/>
              <a:ext cx="6321679" cy="6521594"/>
            </a:xfrm>
            <a:custGeom>
              <a:avLst/>
              <a:gdLst>
                <a:gd name="connsiteX0" fmla="*/ 4150102 w 6321679"/>
                <a:gd name="connsiteY0" fmla="*/ 0 h 6521594"/>
                <a:gd name="connsiteX1" fmla="*/ 6083891 w 6321679"/>
                <a:gd name="connsiteY1" fmla="*/ 619943 h 6521594"/>
                <a:gd name="connsiteX2" fmla="*/ 6321679 w 6321679"/>
                <a:gd name="connsiteY2" fmla="*/ 822247 h 6521594"/>
                <a:gd name="connsiteX3" fmla="*/ 6321679 w 6321679"/>
                <a:gd name="connsiteY3" fmla="*/ 1866928 h 6521594"/>
                <a:gd name="connsiteX4" fmla="*/ 6212358 w 6321679"/>
                <a:gd name="connsiteY4" fmla="*/ 1689281 h 6521594"/>
                <a:gd name="connsiteX5" fmla="*/ 6049880 w 6321679"/>
                <a:gd name="connsiteY5" fmla="*/ 1477173 h 6521594"/>
                <a:gd name="connsiteX6" fmla="*/ 5248663 w 6321679"/>
                <a:gd name="connsiteY6" fmla="*/ 869327 h 6521594"/>
                <a:gd name="connsiteX7" fmla="*/ 4150102 w 6321679"/>
                <a:gd name="connsiteY7" fmla="*/ 644042 h 6521594"/>
                <a:gd name="connsiteX8" fmla="*/ 2867946 w 6321679"/>
                <a:gd name="connsiteY8" fmla="*/ 886459 h 6521594"/>
                <a:gd name="connsiteX9" fmla="*/ 1728892 w 6321679"/>
                <a:gd name="connsiteY9" fmla="*/ 1552397 h 6521594"/>
                <a:gd name="connsiteX10" fmla="*/ 941043 w 6321679"/>
                <a:gd name="connsiteY10" fmla="*/ 2512664 h 6521594"/>
                <a:gd name="connsiteX11" fmla="*/ 655362 w 6321679"/>
                <a:gd name="connsiteY11" fmla="*/ 3630204 h 6521594"/>
                <a:gd name="connsiteX12" fmla="*/ 1128177 w 6321679"/>
                <a:gd name="connsiteY12" fmla="*/ 4667883 h 6521594"/>
                <a:gd name="connsiteX13" fmla="*/ 1366419 w 6321679"/>
                <a:gd name="connsiteY13" fmla="*/ 4997246 h 6521594"/>
                <a:gd name="connsiteX14" fmla="*/ 3601937 w 6321679"/>
                <a:gd name="connsiteY14" fmla="*/ 6284685 h 6521594"/>
                <a:gd name="connsiteX15" fmla="*/ 5298985 w 6321679"/>
                <a:gd name="connsiteY15" fmla="*/ 5492643 h 6521594"/>
                <a:gd name="connsiteX16" fmla="*/ 5505513 w 6321679"/>
                <a:gd name="connsiteY16" fmla="*/ 5335367 h 6521594"/>
                <a:gd name="connsiteX17" fmla="*/ 6252618 w 6321679"/>
                <a:gd name="connsiteY17" fmla="*/ 4722492 h 6521594"/>
                <a:gd name="connsiteX18" fmla="*/ 6321679 w 6321679"/>
                <a:gd name="connsiteY18" fmla="*/ 4651477 h 6521594"/>
                <a:gd name="connsiteX19" fmla="*/ 6321679 w 6321679"/>
                <a:gd name="connsiteY19" fmla="*/ 5523097 h 6521594"/>
                <a:gd name="connsiteX20" fmla="*/ 6024428 w 6321679"/>
                <a:gd name="connsiteY20" fmla="*/ 5754969 h 6521594"/>
                <a:gd name="connsiteX21" fmla="*/ 5702345 w 6321679"/>
                <a:gd name="connsiteY21" fmla="*/ 6000018 h 6521594"/>
                <a:gd name="connsiteX22" fmla="*/ 4988380 w 6321679"/>
                <a:gd name="connsiteY22" fmla="*/ 6506549 h 6521594"/>
                <a:gd name="connsiteX23" fmla="*/ 4961490 w 6321679"/>
                <a:gd name="connsiteY23" fmla="*/ 6521594 h 6521594"/>
                <a:gd name="connsiteX24" fmla="*/ 2011326 w 6321679"/>
                <a:gd name="connsiteY24" fmla="*/ 6521594 h 6521594"/>
                <a:gd name="connsiteX25" fmla="*/ 1982893 w 6321679"/>
                <a:gd name="connsiteY25" fmla="*/ 6505768 h 6521594"/>
                <a:gd name="connsiteX26" fmla="*/ 824149 w 6321679"/>
                <a:gd name="connsiteY26" fmla="*/ 5358682 h 6521594"/>
                <a:gd name="connsiteX27" fmla="*/ 0 w 6321679"/>
                <a:gd name="connsiteY27" fmla="*/ 3630075 h 6521594"/>
                <a:gd name="connsiteX28" fmla="*/ 4150102 w 6321679"/>
                <a:gd name="connsiteY28" fmla="*/ 0 h 652159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</a:cxnLst>
              <a:rect l="l" t="t" r="r" b="b"/>
              <a:pathLst>
                <a:path w="6321679" h="6521594">
                  <a:moveTo>
                    <a:pt x="4150102" y="0"/>
                  </a:moveTo>
                  <a:cubicBezTo>
                    <a:pt x="4918148" y="0"/>
                    <a:pt x="5569597" y="228540"/>
                    <a:pt x="6083891" y="619943"/>
                  </a:cubicBezTo>
                  <a:lnTo>
                    <a:pt x="6321679" y="822247"/>
                  </a:lnTo>
                  <a:lnTo>
                    <a:pt x="6321679" y="1866928"/>
                  </a:lnTo>
                  <a:lnTo>
                    <a:pt x="6212358" y="1689281"/>
                  </a:lnTo>
                  <a:cubicBezTo>
                    <a:pt x="6161484" y="1615222"/>
                    <a:pt x="6107295" y="1544427"/>
                    <a:pt x="6049880" y="1477173"/>
                  </a:cubicBezTo>
                  <a:cubicBezTo>
                    <a:pt x="5825135" y="1214018"/>
                    <a:pt x="5555573" y="1009470"/>
                    <a:pt x="5248663" y="869327"/>
                  </a:cubicBezTo>
                  <a:cubicBezTo>
                    <a:pt x="4921178" y="719909"/>
                    <a:pt x="4551627" y="644042"/>
                    <a:pt x="4150102" y="644042"/>
                  </a:cubicBezTo>
                  <a:cubicBezTo>
                    <a:pt x="3724203" y="644042"/>
                    <a:pt x="3292799" y="725448"/>
                    <a:pt x="2867946" y="886459"/>
                  </a:cubicBezTo>
                  <a:cubicBezTo>
                    <a:pt x="2454234" y="1042832"/>
                    <a:pt x="2060440" y="1273141"/>
                    <a:pt x="1728892" y="1552397"/>
                  </a:cubicBezTo>
                  <a:cubicBezTo>
                    <a:pt x="1391580" y="1836419"/>
                    <a:pt x="1126473" y="2159600"/>
                    <a:pt x="941043" y="2512664"/>
                  </a:cubicBezTo>
                  <a:cubicBezTo>
                    <a:pt x="751551" y="2873583"/>
                    <a:pt x="655362" y="3249575"/>
                    <a:pt x="655362" y="3630204"/>
                  </a:cubicBezTo>
                  <a:cubicBezTo>
                    <a:pt x="655362" y="4013537"/>
                    <a:pt x="808817" y="4237405"/>
                    <a:pt x="1128177" y="4667883"/>
                  </a:cubicBezTo>
                  <a:cubicBezTo>
                    <a:pt x="1205232" y="4771702"/>
                    <a:pt x="1284908" y="4879129"/>
                    <a:pt x="1366419" y="4997246"/>
                  </a:cubicBezTo>
                  <a:cubicBezTo>
                    <a:pt x="1989282" y="5899677"/>
                    <a:pt x="2657880" y="6284685"/>
                    <a:pt x="3601937" y="6284685"/>
                  </a:cubicBezTo>
                  <a:cubicBezTo>
                    <a:pt x="4221523" y="6284685"/>
                    <a:pt x="4676122" y="5971036"/>
                    <a:pt x="5298985" y="5492643"/>
                  </a:cubicBezTo>
                  <a:cubicBezTo>
                    <a:pt x="5368571" y="5439187"/>
                    <a:pt x="5438156" y="5386375"/>
                    <a:pt x="5505513" y="5335367"/>
                  </a:cubicBezTo>
                  <a:cubicBezTo>
                    <a:pt x="5779335" y="5127761"/>
                    <a:pt x="6041730" y="4928776"/>
                    <a:pt x="6252618" y="4722492"/>
                  </a:cubicBezTo>
                  <a:lnTo>
                    <a:pt x="6321679" y="4651477"/>
                  </a:lnTo>
                  <a:lnTo>
                    <a:pt x="6321679" y="5523097"/>
                  </a:lnTo>
                  <a:lnTo>
                    <a:pt x="6024428" y="5754969"/>
                  </a:lnTo>
                  <a:cubicBezTo>
                    <a:pt x="5918395" y="5835747"/>
                    <a:pt x="5810491" y="5916953"/>
                    <a:pt x="5702345" y="6000018"/>
                  </a:cubicBezTo>
                  <a:cubicBezTo>
                    <a:pt x="5466020" y="6181541"/>
                    <a:pt x="5232938" y="6357503"/>
                    <a:pt x="4988380" y="6506549"/>
                  </a:cubicBezTo>
                  <a:lnTo>
                    <a:pt x="4961490" y="6521594"/>
                  </a:lnTo>
                  <a:lnTo>
                    <a:pt x="2011326" y="6521594"/>
                  </a:lnTo>
                  <a:lnTo>
                    <a:pt x="1982893" y="6505768"/>
                  </a:lnTo>
                  <a:cubicBezTo>
                    <a:pt x="1531799" y="6233999"/>
                    <a:pt x="1157400" y="5841520"/>
                    <a:pt x="824149" y="5358682"/>
                  </a:cubicBezTo>
                  <a:cubicBezTo>
                    <a:pt x="424196" y="4779302"/>
                    <a:pt x="0" y="4381929"/>
                    <a:pt x="0" y="3630075"/>
                  </a:cubicBezTo>
                  <a:cubicBezTo>
                    <a:pt x="0" y="1625174"/>
                    <a:pt x="2089794" y="0"/>
                    <a:pt x="4150102" y="0"/>
                  </a:cubicBezTo>
                  <a:close/>
                </a:path>
              </a:pathLst>
            </a:custGeom>
            <a:gradFill>
              <a:gsLst>
                <a:gs pos="2000">
                  <a:schemeClr val="bg1">
                    <a:alpha val="10000"/>
                  </a:schemeClr>
                </a:gs>
                <a:gs pos="16000">
                  <a:schemeClr val="accent6">
                    <a:alpha val="10000"/>
                  </a:schemeClr>
                </a:gs>
                <a:gs pos="100000">
                  <a:schemeClr val="bg1">
                    <a:alpha val="10000"/>
                  </a:schemeClr>
                </a:gs>
                <a:gs pos="85000">
                  <a:schemeClr val="accent1">
                    <a:alpha val="10000"/>
                  </a:schemeClr>
                </a:gs>
              </a:gsLst>
              <a:lin ang="1200000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A66409EC-9CC3-482A-A4A5-54ED092B3F22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5870322" y="353119"/>
              <a:ext cx="6321679" cy="6521594"/>
            </a:xfrm>
            <a:custGeom>
              <a:avLst/>
              <a:gdLst>
                <a:gd name="connsiteX0" fmla="*/ 4150102 w 6321679"/>
                <a:gd name="connsiteY0" fmla="*/ 0 h 6521594"/>
                <a:gd name="connsiteX1" fmla="*/ 6083891 w 6321679"/>
                <a:gd name="connsiteY1" fmla="*/ 619943 h 6521594"/>
                <a:gd name="connsiteX2" fmla="*/ 6321679 w 6321679"/>
                <a:gd name="connsiteY2" fmla="*/ 822247 h 6521594"/>
                <a:gd name="connsiteX3" fmla="*/ 6321679 w 6321679"/>
                <a:gd name="connsiteY3" fmla="*/ 2150195 h 6521594"/>
                <a:gd name="connsiteX4" fmla="*/ 6241288 w 6321679"/>
                <a:gd name="connsiteY4" fmla="*/ 1985338 h 6521594"/>
                <a:gd name="connsiteX5" fmla="*/ 5949367 w 6321679"/>
                <a:gd name="connsiteY5" fmla="*/ 1559997 h 6521594"/>
                <a:gd name="connsiteX6" fmla="*/ 5193362 w 6321679"/>
                <a:gd name="connsiteY6" fmla="*/ 986156 h 6521594"/>
                <a:gd name="connsiteX7" fmla="*/ 4150102 w 6321679"/>
                <a:gd name="connsiteY7" fmla="*/ 772850 h 6521594"/>
                <a:gd name="connsiteX8" fmla="*/ 2914861 w 6321679"/>
                <a:gd name="connsiteY8" fmla="*/ 1006637 h 6521594"/>
                <a:gd name="connsiteX9" fmla="*/ 1814073 w 6321679"/>
                <a:gd name="connsiteY9" fmla="*/ 1650163 h 6521594"/>
                <a:gd name="connsiteX10" fmla="*/ 1057412 w 6321679"/>
                <a:gd name="connsiteY10" fmla="*/ 2571657 h 6521594"/>
                <a:gd name="connsiteX11" fmla="*/ 786277 w 6321679"/>
                <a:gd name="connsiteY11" fmla="*/ 3630204 h 6521594"/>
                <a:gd name="connsiteX12" fmla="*/ 1233931 w 6321679"/>
                <a:gd name="connsiteY12" fmla="*/ 4592016 h 6521594"/>
                <a:gd name="connsiteX13" fmla="*/ 1474795 w 6321679"/>
                <a:gd name="connsiteY13" fmla="*/ 4924985 h 6521594"/>
                <a:gd name="connsiteX14" fmla="*/ 2393691 w 6321679"/>
                <a:gd name="connsiteY14" fmla="*/ 5846995 h 6521594"/>
                <a:gd name="connsiteX15" fmla="*/ 3601805 w 6321679"/>
                <a:gd name="connsiteY15" fmla="*/ 6155876 h 6521594"/>
                <a:gd name="connsiteX16" fmla="*/ 4378909 w 6321679"/>
                <a:gd name="connsiteY16" fmla="*/ 5959186 h 6521594"/>
                <a:gd name="connsiteX17" fmla="*/ 5218129 w 6321679"/>
                <a:gd name="connsiteY17" fmla="*/ 5391271 h 6521594"/>
                <a:gd name="connsiteX18" fmla="*/ 5425313 w 6321679"/>
                <a:gd name="connsiteY18" fmla="*/ 5233481 h 6521594"/>
                <a:gd name="connsiteX19" fmla="*/ 6254366 w 6321679"/>
                <a:gd name="connsiteY19" fmla="*/ 4534301 h 6521594"/>
                <a:gd name="connsiteX20" fmla="*/ 6321679 w 6321679"/>
                <a:gd name="connsiteY20" fmla="*/ 4456641 h 6521594"/>
                <a:gd name="connsiteX21" fmla="*/ 6321679 w 6321679"/>
                <a:gd name="connsiteY21" fmla="*/ 5523097 h 6521594"/>
                <a:gd name="connsiteX22" fmla="*/ 6024428 w 6321679"/>
                <a:gd name="connsiteY22" fmla="*/ 5754969 h 6521594"/>
                <a:gd name="connsiteX23" fmla="*/ 5702345 w 6321679"/>
                <a:gd name="connsiteY23" fmla="*/ 6000018 h 6521594"/>
                <a:gd name="connsiteX24" fmla="*/ 4988380 w 6321679"/>
                <a:gd name="connsiteY24" fmla="*/ 6506549 h 6521594"/>
                <a:gd name="connsiteX25" fmla="*/ 4961490 w 6321679"/>
                <a:gd name="connsiteY25" fmla="*/ 6521594 h 6521594"/>
                <a:gd name="connsiteX26" fmla="*/ 2011326 w 6321679"/>
                <a:gd name="connsiteY26" fmla="*/ 6521594 h 6521594"/>
                <a:gd name="connsiteX27" fmla="*/ 1982893 w 6321679"/>
                <a:gd name="connsiteY27" fmla="*/ 6505768 h 6521594"/>
                <a:gd name="connsiteX28" fmla="*/ 824149 w 6321679"/>
                <a:gd name="connsiteY28" fmla="*/ 5358682 h 6521594"/>
                <a:gd name="connsiteX29" fmla="*/ 0 w 6321679"/>
                <a:gd name="connsiteY29" fmla="*/ 3630075 h 6521594"/>
                <a:gd name="connsiteX30" fmla="*/ 4150102 w 6321679"/>
                <a:gd name="connsiteY30" fmla="*/ 0 h 652159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</a:cxnLst>
              <a:rect l="l" t="t" r="r" b="b"/>
              <a:pathLst>
                <a:path w="6321679" h="6521594">
                  <a:moveTo>
                    <a:pt x="4150102" y="0"/>
                  </a:moveTo>
                  <a:cubicBezTo>
                    <a:pt x="4918148" y="0"/>
                    <a:pt x="5569597" y="228540"/>
                    <a:pt x="6083891" y="619943"/>
                  </a:cubicBezTo>
                  <a:lnTo>
                    <a:pt x="6321679" y="822247"/>
                  </a:lnTo>
                  <a:lnTo>
                    <a:pt x="6321679" y="2150195"/>
                  </a:lnTo>
                  <a:lnTo>
                    <a:pt x="6241288" y="1985338"/>
                  </a:lnTo>
                  <a:cubicBezTo>
                    <a:pt x="6156788" y="1831195"/>
                    <a:pt x="6059249" y="1688709"/>
                    <a:pt x="5949367" y="1559997"/>
                  </a:cubicBezTo>
                  <a:cubicBezTo>
                    <a:pt x="5737073" y="1311397"/>
                    <a:pt x="5482843" y="1118314"/>
                    <a:pt x="5193362" y="986156"/>
                  </a:cubicBezTo>
                  <a:cubicBezTo>
                    <a:pt x="4883437" y="844596"/>
                    <a:pt x="4532365" y="772850"/>
                    <a:pt x="4150102" y="772850"/>
                  </a:cubicBezTo>
                  <a:cubicBezTo>
                    <a:pt x="3746218" y="772850"/>
                    <a:pt x="3319008" y="853613"/>
                    <a:pt x="2914861" y="1006637"/>
                  </a:cubicBezTo>
                  <a:cubicBezTo>
                    <a:pt x="2515039" y="1157857"/>
                    <a:pt x="2134350" y="1380438"/>
                    <a:pt x="1814073" y="1650163"/>
                  </a:cubicBezTo>
                  <a:cubicBezTo>
                    <a:pt x="1494190" y="1919502"/>
                    <a:pt x="1232622" y="2238173"/>
                    <a:pt x="1057412" y="2571657"/>
                  </a:cubicBezTo>
                  <a:cubicBezTo>
                    <a:pt x="877486" y="2914158"/>
                    <a:pt x="786277" y="3270313"/>
                    <a:pt x="786277" y="3630204"/>
                  </a:cubicBezTo>
                  <a:cubicBezTo>
                    <a:pt x="786277" y="3974121"/>
                    <a:pt x="923483" y="4173646"/>
                    <a:pt x="1233931" y="4592016"/>
                  </a:cubicBezTo>
                  <a:cubicBezTo>
                    <a:pt x="1311641" y="4696736"/>
                    <a:pt x="1391972" y="4805064"/>
                    <a:pt x="1474795" y="4924985"/>
                  </a:cubicBezTo>
                  <a:cubicBezTo>
                    <a:pt x="1767682" y="5349278"/>
                    <a:pt x="2068172" y="5650948"/>
                    <a:pt x="2393691" y="5846995"/>
                  </a:cubicBezTo>
                  <a:cubicBezTo>
                    <a:pt x="2738735" y="6054891"/>
                    <a:pt x="3133971" y="6155876"/>
                    <a:pt x="3601805" y="6155876"/>
                  </a:cubicBezTo>
                  <a:cubicBezTo>
                    <a:pt x="3867305" y="6155876"/>
                    <a:pt x="4114196" y="6093405"/>
                    <a:pt x="4378909" y="5959186"/>
                  </a:cubicBezTo>
                  <a:cubicBezTo>
                    <a:pt x="4650699" y="5821362"/>
                    <a:pt x="4919737" y="5620421"/>
                    <a:pt x="5218129" y="5391271"/>
                  </a:cubicBezTo>
                  <a:cubicBezTo>
                    <a:pt x="5288107" y="5337558"/>
                    <a:pt x="5357824" y="5284617"/>
                    <a:pt x="5425313" y="5233481"/>
                  </a:cubicBezTo>
                  <a:cubicBezTo>
                    <a:pt x="5739037" y="4995556"/>
                    <a:pt x="6037512" y="4769168"/>
                    <a:pt x="6254366" y="4534301"/>
                  </a:cubicBezTo>
                  <a:lnTo>
                    <a:pt x="6321679" y="4456641"/>
                  </a:lnTo>
                  <a:lnTo>
                    <a:pt x="6321679" y="5523097"/>
                  </a:lnTo>
                  <a:lnTo>
                    <a:pt x="6024428" y="5754969"/>
                  </a:lnTo>
                  <a:cubicBezTo>
                    <a:pt x="5918395" y="5835747"/>
                    <a:pt x="5810491" y="5916953"/>
                    <a:pt x="5702345" y="6000018"/>
                  </a:cubicBezTo>
                  <a:cubicBezTo>
                    <a:pt x="5466020" y="6181541"/>
                    <a:pt x="5232938" y="6357503"/>
                    <a:pt x="4988380" y="6506549"/>
                  </a:cubicBezTo>
                  <a:lnTo>
                    <a:pt x="4961490" y="6521594"/>
                  </a:lnTo>
                  <a:lnTo>
                    <a:pt x="2011326" y="6521594"/>
                  </a:lnTo>
                  <a:lnTo>
                    <a:pt x="1982893" y="6505768"/>
                  </a:lnTo>
                  <a:cubicBezTo>
                    <a:pt x="1531799" y="6233999"/>
                    <a:pt x="1157400" y="5841520"/>
                    <a:pt x="824149" y="5358682"/>
                  </a:cubicBezTo>
                  <a:cubicBezTo>
                    <a:pt x="424196" y="4779302"/>
                    <a:pt x="0" y="4381929"/>
                    <a:pt x="0" y="3630075"/>
                  </a:cubicBezTo>
                  <a:cubicBezTo>
                    <a:pt x="0" y="1625174"/>
                    <a:pt x="2089794" y="0"/>
                    <a:pt x="4150102" y="0"/>
                  </a:cubicBezTo>
                  <a:close/>
                </a:path>
              </a:pathLst>
            </a:custGeom>
            <a:gradFill>
              <a:gsLst>
                <a:gs pos="2000">
                  <a:schemeClr val="bg1">
                    <a:alpha val="10000"/>
                  </a:schemeClr>
                </a:gs>
                <a:gs pos="16000">
                  <a:schemeClr val="accent6">
                    <a:alpha val="10000"/>
                  </a:schemeClr>
                </a:gs>
                <a:gs pos="100000">
                  <a:schemeClr val="bg1">
                    <a:alpha val="10000"/>
                  </a:schemeClr>
                </a:gs>
                <a:gs pos="85000">
                  <a:schemeClr val="accent1">
                    <a:alpha val="10000"/>
                  </a:schemeClr>
                </a:gs>
              </a:gsLst>
              <a:lin ang="1200000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pic>
        <p:nvPicPr>
          <p:cNvPr id="6" name="Pladsholder til indhold 5" descr="En pære">
            <a:extLst>
              <a:ext uri="{FF2B5EF4-FFF2-40B4-BE49-F238E27FC236}">
                <a16:creationId xmlns:a16="http://schemas.microsoft.com/office/drawing/2014/main" id="{EC0C7F15-D9D4-B632-0DB2-9629F18BFAF7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708392" y="1819656"/>
            <a:ext cx="4142232" cy="41422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5316060"/>
      </p:ext>
    </p:extLst>
  </p:cSld>
  <p:clrMapOvr>
    <a:masterClrMapping/>
  </p:clrMapOvr>
  <p:transition/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052C4AA-102D-0EC4-C03D-0F35FB5E64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4910" y="104044"/>
            <a:ext cx="10515600" cy="1325563"/>
          </a:xfrm>
        </p:spPr>
        <p:txBody>
          <a:bodyPr/>
          <a:lstStyle/>
          <a:p>
            <a:r>
              <a:rPr lang="da-DK" dirty="0"/>
              <a:t>Lad os stille skarpt på jeres afprøvninger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E7D5173-47A9-BD59-3E89-C266B01F937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504347" y="1666201"/>
            <a:ext cx="4070555" cy="4351338"/>
          </a:xfrm>
        </p:spPr>
        <p:txBody>
          <a:bodyPr>
            <a:normAutofit fontScale="92500" lnSpcReduction="10000"/>
          </a:bodyPr>
          <a:lstStyle/>
          <a:p>
            <a:r>
              <a:rPr lang="da-DK" sz="2400" dirty="0"/>
              <a:t>I skal nu ud i </a:t>
            </a:r>
            <a:r>
              <a:rPr lang="da-DK" sz="2400" dirty="0" err="1"/>
              <a:t>breakout</a:t>
            </a:r>
            <a:r>
              <a:rPr lang="da-DK" sz="2400" dirty="0"/>
              <a:t> </a:t>
            </a:r>
            <a:r>
              <a:rPr lang="da-DK" sz="2400" dirty="0" err="1"/>
              <a:t>rooms</a:t>
            </a:r>
            <a:r>
              <a:rPr lang="da-DK" sz="2400" dirty="0"/>
              <a:t> kl. 12.30-13.15</a:t>
            </a:r>
          </a:p>
          <a:p>
            <a:r>
              <a:rPr lang="da-DK" sz="2400" dirty="0"/>
              <a:t>Her skal I arbejde med at beskrive tiltag og afprøvningers hvad, hvorfor og hvordan.</a:t>
            </a:r>
          </a:p>
          <a:p>
            <a:r>
              <a:rPr lang="da-DK" sz="2400" dirty="0"/>
              <a:t>Hent hver især arbejdsark fra hjemmesiden: styrkedeovergange.kp.dk – se under aktiviteter. Se d. 14/8 2025.</a:t>
            </a:r>
          </a:p>
          <a:p>
            <a:r>
              <a:rPr lang="da-DK" sz="2400" dirty="0"/>
              <a:t>Følg proceduren t.h.</a:t>
            </a:r>
          </a:p>
          <a:p>
            <a:r>
              <a:rPr lang="da-DK" sz="2400" dirty="0"/>
              <a:t>Hold pause kl. 13.15 – 13.30</a:t>
            </a: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F17161F2-8A43-C7F6-A13B-F48D4DB1D977}"/>
              </a:ext>
            </a:extLst>
          </p:cNvPr>
          <p:cNvSpPr/>
          <p:nvPr/>
        </p:nvSpPr>
        <p:spPr>
          <a:xfrm>
            <a:off x="4827639" y="1715460"/>
            <a:ext cx="7015664" cy="4252820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10" name="Pladsholder til indhold 9">
            <a:extLst>
              <a:ext uri="{FF2B5EF4-FFF2-40B4-BE49-F238E27FC236}">
                <a16:creationId xmlns:a16="http://schemas.microsoft.com/office/drawing/2014/main" id="{2F8F44C2-0C22-E063-6928-51B188085CF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5085293" y="3086015"/>
            <a:ext cx="6500355" cy="1511710"/>
          </a:xfrm>
        </p:spPr>
      </p:pic>
      <p:sp>
        <p:nvSpPr>
          <p:cNvPr id="12" name="Tekstfelt 11">
            <a:extLst>
              <a:ext uri="{FF2B5EF4-FFF2-40B4-BE49-F238E27FC236}">
                <a16:creationId xmlns:a16="http://schemas.microsoft.com/office/drawing/2014/main" id="{0A6ABCA3-C620-2FAF-4B78-6CBEB10F2231}"/>
              </a:ext>
            </a:extLst>
          </p:cNvPr>
          <p:cNvSpPr txBox="1"/>
          <p:nvPr/>
        </p:nvSpPr>
        <p:spPr>
          <a:xfrm>
            <a:off x="7128387" y="2276942"/>
            <a:ext cx="3736258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800" b="1" dirty="0"/>
              <a:t>Procedure</a:t>
            </a:r>
          </a:p>
        </p:txBody>
      </p:sp>
      <p:pic>
        <p:nvPicPr>
          <p:cNvPr id="14" name="Grafik 13" descr="Kamera kontur">
            <a:extLst>
              <a:ext uri="{FF2B5EF4-FFF2-40B4-BE49-F238E27FC236}">
                <a16:creationId xmlns:a16="http://schemas.microsoft.com/office/drawing/2014/main" id="{4A2BEC45-F1EB-4F0B-B18F-541F330E906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235381" y="344905"/>
            <a:ext cx="1253612" cy="12536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436928"/>
      </p:ext>
    </p:extLst>
  </p:cSld>
  <p:clrMapOvr>
    <a:masterClrMapping/>
  </p:clrMapOvr>
  <p:transition/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Slide Background">
            <a:extLst>
              <a:ext uri="{FF2B5EF4-FFF2-40B4-BE49-F238E27FC236}">
                <a16:creationId xmlns:a16="http://schemas.microsoft.com/office/drawing/2014/main" id="{7B1AB9FE-36F5-4FD1-9850-DB5C5AD4828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ladsholder til indhold 4" descr="Række af grå sten med hvid stribe">
            <a:extLst>
              <a:ext uri="{FF2B5EF4-FFF2-40B4-BE49-F238E27FC236}">
                <a16:creationId xmlns:a16="http://schemas.microsoft.com/office/drawing/2014/main" id="{27C54780-26BA-DE9A-2A9B-1EF584B19DA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7909" b="14676"/>
          <a:stretch>
            <a:fillRect/>
          </a:stretch>
        </p:blipFill>
        <p:spPr>
          <a:xfrm>
            <a:off x="20" y="10"/>
            <a:ext cx="12191979" cy="5486390"/>
          </a:xfrm>
          <a:prstGeom prst="rect">
            <a:avLst/>
          </a:prstGeom>
          <a:effectLst>
            <a:outerShdw blurRad="596900" dist="330200" dir="8820000" sx="87000" sy="87000" algn="ctr" rotWithShape="0">
              <a:srgbClr val="000000">
                <a:alpha val="29000"/>
              </a:srgbClr>
            </a:outerShdw>
          </a:effectLst>
        </p:spPr>
      </p:pic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F489C2E0-4895-4B72-85EA-7EE9FAFFDC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5486402"/>
            <a:ext cx="12192000" cy="1371598"/>
          </a:xfrm>
          <a:prstGeom prst="rect">
            <a:avLst/>
          </a:prstGeom>
          <a:ln>
            <a:noFill/>
          </a:ln>
          <a:effectLst>
            <a:outerShdw blurRad="254000" dist="114300" dir="20340000" sx="89000" sy="89000" algn="t" rotWithShape="0">
              <a:srgbClr val="000000">
                <a:alpha val="30000"/>
              </a:srgb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EE4FFA45-E9F0-7AE7-9629-1B5AB6F807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9556" y="5746071"/>
            <a:ext cx="7015499" cy="852260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3600" dirty="0"/>
              <a:t>Pause 13.15 – 13.30</a:t>
            </a:r>
          </a:p>
        </p:txBody>
      </p:sp>
    </p:spTree>
    <p:extLst>
      <p:ext uri="{BB962C8B-B14F-4D97-AF65-F5344CB8AC3E}">
        <p14:creationId xmlns:p14="http://schemas.microsoft.com/office/powerpoint/2010/main" val="1148267607"/>
      </p:ext>
    </p:extLst>
  </p:cSld>
  <p:clrMapOvr>
    <a:masterClrMapping/>
  </p:clrMapOvr>
  <p:transition/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NET" val="6.0.27"/>
  <p:tag name="AS_OS" val="Unix 6.5.0.1014"/>
  <p:tag name="AS_RELEASE_DATE" val="2023.08.14"/>
  <p:tag name="AS_TITLE" val="Aspose.Slides for .NET Standard 2.0"/>
  <p:tag name="AS_VERSION" val="23.8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Aptos Display" panose="02110004020202020204"/>
        <a:cs typeface="Arial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Aptos" panose="02110004020202020204"/>
        <a:cs typeface="Arial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2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0793152213AB543A430B8FE5C95C7F0" ma:contentTypeVersion="19" ma:contentTypeDescription="Opret et nyt dokument." ma:contentTypeScope="" ma:versionID="55360fe1983e99ac77cb70ddbbe40ab4">
  <xsd:schema xmlns:xsd="http://www.w3.org/2001/XMLSchema" xmlns:xs="http://www.w3.org/2001/XMLSchema" xmlns:p="http://schemas.microsoft.com/office/2006/metadata/properties" xmlns:ns2="db5e4e26-a774-4089-af9d-49e166f48864" xmlns:ns3="938cb026-90ae-4e7b-968e-20d2d674c17b" targetNamespace="http://schemas.microsoft.com/office/2006/metadata/properties" ma:root="true" ma:fieldsID="c3c71dcc28702a0efdeb111ed1c53330" ns2:_="" ns3:_="">
    <xsd:import namespace="db5e4e26-a774-4089-af9d-49e166f48864"/>
    <xsd:import namespace="938cb026-90ae-4e7b-968e-20d2d674c17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udkasttilinterviewrammem_x00e5_lgruppe1ungeinformante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5e4e26-a774-4089-af9d-49e166f4886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udkasttilinterviewrammem_x00e5_lgruppe1ungeinformanter" ma:index="26" nillable="true" ma:displayName="udkast til interviewramme målgruppe 1 ungeinformanter" ma:format="Dropdown" ma:internalName="udkasttilinterviewrammem_x00e5_lgruppe1ungeinformanter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38cb026-90ae-4e7b-968e-20d2d674c17b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2e6d184d-47ea-4ec8-9f4d-a0441dcc3be5}" ma:internalName="TaxCatchAll" ma:showField="CatchAllData" ma:web="938cb026-90ae-4e7b-968e-20d2d674c17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udkasttilinterviewrammem_x00e5_lgruppe1ungeinformanter xmlns="db5e4e26-a774-4089-af9d-49e166f48864" xsi:nil="true"/>
    <TaxCatchAll xmlns="938cb026-90ae-4e7b-968e-20d2d674c17b" xsi:nil="true"/>
    <lcf76f155ced4ddcb4097134ff3c332f xmlns="db5e4e26-a774-4089-af9d-49e166f48864">
      <Terms xmlns="http://schemas.microsoft.com/office/infopath/2007/PartnerControls"/>
    </lcf76f155ced4ddcb4097134ff3c332f>
  </documentManagement>
</p:properties>
</file>

<file path=customXml/item5.xml><?xml version="1.0" encoding="utf-8"?>
<TemplafySlideTemplateConfiguration><![CDATA[{"slideVersion":1,"isValidatorEnabled":false,"isLocked":false,"elementsMetadata":[],"slideId":"970965765549195299","enableDocumentContentUpdater":false,"version":"2.0"}]]></TemplafySlideTemplateConfiguration>
</file>

<file path=customXml/item6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0494826-9143-45A3-968C-E832226AE85E}">
  <ds:schemaRefs/>
</ds:datastoreItem>
</file>

<file path=customXml/itemProps2.xml><?xml version="1.0" encoding="utf-8"?>
<ds:datastoreItem xmlns:ds="http://schemas.openxmlformats.org/officeDocument/2006/customXml" ds:itemID="{67280DCA-00B4-4FBB-8A5B-104BBC464A2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b5e4e26-a774-4089-af9d-49e166f48864"/>
    <ds:schemaRef ds:uri="938cb026-90ae-4e7b-968e-20d2d674c17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9C6EFA9C-8229-4854-8524-216E0264F994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5E411AA9-2E59-45EB-814F-327A06F845A0}">
  <ds:schemaRefs>
    <ds:schemaRef ds:uri="http://schemas.microsoft.com/office/2006/metadata/properties"/>
    <ds:schemaRef ds:uri="http://purl.org/dc/dcmitype/"/>
    <ds:schemaRef ds:uri="http://purl.org/dc/elements/1.1/"/>
    <ds:schemaRef ds:uri="http://purl.org/dc/terms/"/>
    <ds:schemaRef ds:uri="http://www.w3.org/XML/1998/namespac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938cb026-90ae-4e7b-968e-20d2d674c17b"/>
    <ds:schemaRef ds:uri="db5e4e26-a774-4089-af9d-49e166f48864"/>
  </ds:schemaRefs>
</ds:datastoreItem>
</file>

<file path=customXml/itemProps5.xml><?xml version="1.0" encoding="utf-8"?>
<ds:datastoreItem xmlns:ds="http://schemas.openxmlformats.org/officeDocument/2006/customXml" ds:itemID="{94F67360-DF90-4FBB-87AF-44D2FF6E71DA}">
  <ds:schemaRefs/>
</ds:datastoreItem>
</file>

<file path=customXml/itemProps6.xml><?xml version="1.0" encoding="utf-8"?>
<ds:datastoreItem xmlns:ds="http://schemas.openxmlformats.org/officeDocument/2006/customXml" ds:itemID="{7B6CEE4D-0ECD-4BDA-9C56-D81DBECE4132}">
  <ds:schemaRefs/>
</ds:datastoreItem>
</file>

<file path=customXml/itemProps7.xml><?xml version="1.0" encoding="utf-8"?>
<ds:datastoreItem xmlns:ds="http://schemas.openxmlformats.org/officeDocument/2006/customXml" ds:itemID="{E635240A-83CD-4586-8B03-4450C0A5A99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313</TotalTime>
  <Words>827</Words>
  <Application>Microsoft Office PowerPoint</Application>
  <PresentationFormat>Widescreen</PresentationFormat>
  <Paragraphs>107</Paragraphs>
  <Slides>19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9</vt:i4>
      </vt:variant>
    </vt:vector>
  </HeadingPairs>
  <TitlesOfParts>
    <vt:vector size="24" baseType="lpstr">
      <vt:lpstr>Aptos</vt:lpstr>
      <vt:lpstr>Aptos Display</vt:lpstr>
      <vt:lpstr>Arial</vt:lpstr>
      <vt:lpstr>Calibri</vt:lpstr>
      <vt:lpstr>Office Theme</vt:lpstr>
      <vt:lpstr>Styrkede overgange for unge med ordblindhed</vt:lpstr>
      <vt:lpstr>Dagens program</vt:lpstr>
      <vt:lpstr>Hvad skal vi i dag – og hvorfor?</vt:lpstr>
      <vt:lpstr>Måden vi arbejder på i projektet, er inspireret af principperne aktionsforskning og aktionslæring</vt:lpstr>
      <vt:lpstr>Hvad vil vi med aktionstilgangen?</vt:lpstr>
      <vt:lpstr>Aktionsforskningscyklus</vt:lpstr>
      <vt:lpstr>Det betyder for jer …</vt:lpstr>
      <vt:lpstr>Lad os stille skarpt på jeres afprøvninger </vt:lpstr>
      <vt:lpstr>Pause 13.15 – 13.30</vt:lpstr>
      <vt:lpstr>Opsamling</vt:lpstr>
      <vt:lpstr>Metoder til erfaringopsamling</vt:lpstr>
      <vt:lpstr>Observation som metode</vt:lpstr>
      <vt:lpstr>Typer af observation</vt:lpstr>
      <vt:lpstr>Interview som metode til vidensindsamling</vt:lpstr>
      <vt:lpstr>Lad os stille skarpt på jeres erfaringsindsamling og evaluering</vt:lpstr>
      <vt:lpstr>Jeres arbejdsark med aktioner ….</vt:lpstr>
      <vt:lpstr>Afrunding og kig mod det videre forløb</vt:lpstr>
      <vt:lpstr>Hvad sker når afprøvningsperioden er slut?</vt:lpstr>
      <vt:lpstr>Tak for i dag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rine Gandil</dc:creator>
  <cp:keywords/>
  <dc:description/>
  <cp:lastModifiedBy>Thea Thøgersen</cp:lastModifiedBy>
  <cp:revision>5</cp:revision>
  <dcterms:created xsi:type="dcterms:W3CDTF">2024-10-11T10:56:47Z</dcterms:created>
  <dcterms:modified xsi:type="dcterms:W3CDTF">2025-08-22T08:32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8-01T06:41:32</vt:lpwstr>
  </property>
  <property fmtid="{D5CDD505-2E9C-101B-9397-08002B2CF9AE}" pid="3" name="TemplafyTenantId">
    <vt:lpwstr>kph</vt:lpwstr>
  </property>
  <property fmtid="{D5CDD505-2E9C-101B-9397-08002B2CF9AE}" pid="4" name="TemplafyTemplateId">
    <vt:lpwstr>970965610368860385</vt:lpwstr>
  </property>
  <property fmtid="{D5CDD505-2E9C-101B-9397-08002B2CF9AE}" pid="5" name="TemplafyUserProfileId">
    <vt:lpwstr>637794738790396994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60793152213AB543A430B8FE5C95C7F0</vt:lpwstr>
  </property>
  <property fmtid="{D5CDD505-2E9C-101B-9397-08002B2CF9AE}" pid="9" name="MediaServiceImageTags">
    <vt:lpwstr/>
  </property>
</Properties>
</file>